
<file path=[Content_Types].xml><?xml version="1.0" encoding="utf-8"?>
<Types xmlns="http://schemas.openxmlformats.org/package/2006/content-types">
  <Default Extension="png" ContentType="image/png"/>
  <Default Extension="svg" ContentType="image/svg+xml"/>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48" r:id="rId4"/>
    <p:sldMasterId id="2147483660" r:id="rId5"/>
  </p:sldMasterIdLst>
  <p:notesMasterIdLst>
    <p:notesMasterId r:id="rId19"/>
  </p:notesMasterIdLst>
  <p:handoutMasterIdLst>
    <p:handoutMasterId r:id="rId20"/>
  </p:handoutMasterIdLst>
  <p:sldIdLst>
    <p:sldId id="256" r:id="rId6"/>
    <p:sldId id="386" r:id="rId7"/>
    <p:sldId id="258" r:id="rId8"/>
    <p:sldId id="385" r:id="rId9"/>
    <p:sldId id="260" r:id="rId10"/>
    <p:sldId id="262" r:id="rId11"/>
    <p:sldId id="263" r:id="rId12"/>
    <p:sldId id="264" r:id="rId13"/>
    <p:sldId id="265" r:id="rId14"/>
    <p:sldId id="266" r:id="rId15"/>
    <p:sldId id="384" r:id="rId16"/>
    <p:sldId id="383" r:id="rId17"/>
    <p:sldId id="382" r:id="rId18"/>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3A65A"/>
    <a:srgbClr val="85BF4B"/>
    <a:srgbClr val="D3D936"/>
    <a:srgbClr val="292759"/>
    <a:srgbClr val="36ABD9"/>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482"/>
    <p:restoredTop sz="96327"/>
  </p:normalViewPr>
  <p:slideViewPr>
    <p:cSldViewPr snapToGrid="0" snapToObjects="1">
      <p:cViewPr varScale="1">
        <p:scale>
          <a:sx n="73" d="100"/>
          <a:sy n="73" d="100"/>
        </p:scale>
        <p:origin x="600" y="54"/>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slide" Target="slides/slide13.xml"/><Relationship Id="rId3" Type="http://schemas.openxmlformats.org/officeDocument/2006/relationships/customXml" Target="../customXml/item3.xml"/><Relationship Id="rId21" Type="http://schemas.openxmlformats.org/officeDocument/2006/relationships/presProps" Target="presProps.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tableStyles" Target="tableStyles.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theme" Target="theme/theme1.xml"/><Relationship Id="rId10" Type="http://schemas.openxmlformats.org/officeDocument/2006/relationships/slide" Target="slides/slide5.xml"/><Relationship Id="rId19" Type="http://schemas.openxmlformats.org/officeDocument/2006/relationships/notesMaster" Target="notesMasters/notesMaster1.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oleObject" Target="file:///D:\Users\s1037462\AppData\Local\Microsoft\Windows\INetCache\Content.Outlook\HDBGL046\SCOF%20Invitation%207%20June.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D:\Users\s1037462\AppData\Local\Microsoft\Windows\INetCache\Content.Outlook\HDBGL046\SCOF%20Invitation%207%20June.xlsx" TargetMode="External"/><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ZA"/>
              <a:t>Objections</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Objections &amp; Appeals Actuals'!$A$5</c:f>
              <c:strCache>
                <c:ptCount val="1"/>
                <c:pt idx="0">
                  <c:v>PIT</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Objections &amp; Appeals Actuals'!$B$4:$F$4</c:f>
              <c:strCache>
                <c:ptCount val="5"/>
                <c:pt idx="0">
                  <c:v>08/2021</c:v>
                </c:pt>
                <c:pt idx="1">
                  <c:v>09/2021</c:v>
                </c:pt>
                <c:pt idx="2">
                  <c:v>11/2021</c:v>
                </c:pt>
                <c:pt idx="3">
                  <c:v>02/2022</c:v>
                </c:pt>
                <c:pt idx="4">
                  <c:v>03/2022</c:v>
                </c:pt>
              </c:strCache>
            </c:strRef>
          </c:cat>
          <c:val>
            <c:numRef>
              <c:f>'Objections &amp; Appeals Actuals'!$B$5:$F$5</c:f>
              <c:numCache>
                <c:formatCode>General</c:formatCode>
                <c:ptCount val="5"/>
                <c:pt idx="0">
                  <c:v>36</c:v>
                </c:pt>
                <c:pt idx="1">
                  <c:v>37</c:v>
                </c:pt>
                <c:pt idx="2">
                  <c:v>38</c:v>
                </c:pt>
                <c:pt idx="3">
                  <c:v>44</c:v>
                </c:pt>
                <c:pt idx="4">
                  <c:v>46</c:v>
                </c:pt>
              </c:numCache>
            </c:numRef>
          </c:val>
          <c:smooth val="0"/>
          <c:extLst>
            <c:ext xmlns:c16="http://schemas.microsoft.com/office/drawing/2014/chart" uri="{C3380CC4-5D6E-409C-BE32-E72D297353CC}">
              <c16:uniqueId val="{00000000-D40D-43BA-BACF-7031DC14F879}"/>
            </c:ext>
          </c:extLst>
        </c:ser>
        <c:ser>
          <c:idx val="1"/>
          <c:order val="1"/>
          <c:tx>
            <c:strRef>
              <c:f>'Objections &amp; Appeals Actuals'!$A$6</c:f>
              <c:strCache>
                <c:ptCount val="1"/>
                <c:pt idx="0">
                  <c:v>CIT</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Objections &amp; Appeals Actuals'!$B$4:$F$4</c:f>
              <c:strCache>
                <c:ptCount val="5"/>
                <c:pt idx="0">
                  <c:v>08/2021</c:v>
                </c:pt>
                <c:pt idx="1">
                  <c:v>09/2021</c:v>
                </c:pt>
                <c:pt idx="2">
                  <c:v>11/2021</c:v>
                </c:pt>
                <c:pt idx="3">
                  <c:v>02/2022</c:v>
                </c:pt>
                <c:pt idx="4">
                  <c:v>03/2022</c:v>
                </c:pt>
              </c:strCache>
            </c:strRef>
          </c:cat>
          <c:val>
            <c:numRef>
              <c:f>'Objections &amp; Appeals Actuals'!$B$6:$F$6</c:f>
              <c:numCache>
                <c:formatCode>General</c:formatCode>
                <c:ptCount val="5"/>
                <c:pt idx="0">
                  <c:v>105</c:v>
                </c:pt>
                <c:pt idx="1">
                  <c:v>107</c:v>
                </c:pt>
                <c:pt idx="2">
                  <c:v>111</c:v>
                </c:pt>
                <c:pt idx="3">
                  <c:v>159</c:v>
                </c:pt>
                <c:pt idx="4">
                  <c:v>158</c:v>
                </c:pt>
              </c:numCache>
            </c:numRef>
          </c:val>
          <c:smooth val="0"/>
          <c:extLst>
            <c:ext xmlns:c16="http://schemas.microsoft.com/office/drawing/2014/chart" uri="{C3380CC4-5D6E-409C-BE32-E72D297353CC}">
              <c16:uniqueId val="{00000001-D40D-43BA-BACF-7031DC14F879}"/>
            </c:ext>
          </c:extLst>
        </c:ser>
        <c:ser>
          <c:idx val="2"/>
          <c:order val="2"/>
          <c:tx>
            <c:strRef>
              <c:f>'Objections &amp; Appeals Actuals'!$A$7</c:f>
              <c:strCache>
                <c:ptCount val="1"/>
                <c:pt idx="0">
                  <c:v>PAYE</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strRef>
              <c:f>'Objections &amp; Appeals Actuals'!$B$4:$F$4</c:f>
              <c:strCache>
                <c:ptCount val="5"/>
                <c:pt idx="0">
                  <c:v>08/2021</c:v>
                </c:pt>
                <c:pt idx="1">
                  <c:v>09/2021</c:v>
                </c:pt>
                <c:pt idx="2">
                  <c:v>11/2021</c:v>
                </c:pt>
                <c:pt idx="3">
                  <c:v>02/2022</c:v>
                </c:pt>
                <c:pt idx="4">
                  <c:v>03/2022</c:v>
                </c:pt>
              </c:strCache>
            </c:strRef>
          </c:cat>
          <c:val>
            <c:numRef>
              <c:f>'Objections &amp; Appeals Actuals'!$B$7:$F$7</c:f>
              <c:numCache>
                <c:formatCode>General</c:formatCode>
                <c:ptCount val="5"/>
                <c:pt idx="0">
                  <c:v>15</c:v>
                </c:pt>
                <c:pt idx="1">
                  <c:v>15</c:v>
                </c:pt>
                <c:pt idx="2">
                  <c:v>14</c:v>
                </c:pt>
                <c:pt idx="3">
                  <c:v>13</c:v>
                </c:pt>
                <c:pt idx="4">
                  <c:v>15</c:v>
                </c:pt>
              </c:numCache>
            </c:numRef>
          </c:val>
          <c:smooth val="0"/>
          <c:extLst>
            <c:ext xmlns:c16="http://schemas.microsoft.com/office/drawing/2014/chart" uri="{C3380CC4-5D6E-409C-BE32-E72D297353CC}">
              <c16:uniqueId val="{00000002-D40D-43BA-BACF-7031DC14F879}"/>
            </c:ext>
          </c:extLst>
        </c:ser>
        <c:ser>
          <c:idx val="3"/>
          <c:order val="3"/>
          <c:tx>
            <c:strRef>
              <c:f>'Objections &amp; Appeals Actuals'!$A$8</c:f>
              <c:strCache>
                <c:ptCount val="1"/>
                <c:pt idx="0">
                  <c:v>VAT</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strRef>
              <c:f>'Objections &amp; Appeals Actuals'!$B$4:$F$4</c:f>
              <c:strCache>
                <c:ptCount val="5"/>
                <c:pt idx="0">
                  <c:v>08/2021</c:v>
                </c:pt>
                <c:pt idx="1">
                  <c:v>09/2021</c:v>
                </c:pt>
                <c:pt idx="2">
                  <c:v>11/2021</c:v>
                </c:pt>
                <c:pt idx="3">
                  <c:v>02/2022</c:v>
                </c:pt>
                <c:pt idx="4">
                  <c:v>03/2022</c:v>
                </c:pt>
              </c:strCache>
            </c:strRef>
          </c:cat>
          <c:val>
            <c:numRef>
              <c:f>'Objections &amp; Appeals Actuals'!$B$8:$F$8</c:f>
              <c:numCache>
                <c:formatCode>General</c:formatCode>
                <c:ptCount val="5"/>
                <c:pt idx="0">
                  <c:v>40</c:v>
                </c:pt>
                <c:pt idx="1">
                  <c:v>37</c:v>
                </c:pt>
                <c:pt idx="2">
                  <c:v>37</c:v>
                </c:pt>
                <c:pt idx="3">
                  <c:v>38</c:v>
                </c:pt>
                <c:pt idx="4">
                  <c:v>108</c:v>
                </c:pt>
              </c:numCache>
            </c:numRef>
          </c:val>
          <c:smooth val="0"/>
          <c:extLst>
            <c:ext xmlns:c16="http://schemas.microsoft.com/office/drawing/2014/chart" uri="{C3380CC4-5D6E-409C-BE32-E72D297353CC}">
              <c16:uniqueId val="{00000003-D40D-43BA-BACF-7031DC14F879}"/>
            </c:ext>
          </c:extLst>
        </c:ser>
        <c:ser>
          <c:idx val="4"/>
          <c:order val="4"/>
          <c:tx>
            <c:strRef>
              <c:f>'Objections &amp; Appeals Actuals'!$A$9</c:f>
              <c:strCache>
                <c:ptCount val="1"/>
                <c:pt idx="0">
                  <c:v>Average</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strRef>
              <c:f>'Objections &amp; Appeals Actuals'!$B$4:$F$4</c:f>
              <c:strCache>
                <c:ptCount val="5"/>
                <c:pt idx="0">
                  <c:v>08/2021</c:v>
                </c:pt>
                <c:pt idx="1">
                  <c:v>09/2021</c:v>
                </c:pt>
                <c:pt idx="2">
                  <c:v>11/2021</c:v>
                </c:pt>
                <c:pt idx="3">
                  <c:v>02/2022</c:v>
                </c:pt>
                <c:pt idx="4">
                  <c:v>03/2022</c:v>
                </c:pt>
              </c:strCache>
            </c:strRef>
          </c:cat>
          <c:val>
            <c:numRef>
              <c:f>'Objections &amp; Appeals Actuals'!$B$9:$F$9</c:f>
              <c:numCache>
                <c:formatCode>General</c:formatCode>
                <c:ptCount val="5"/>
                <c:pt idx="0">
                  <c:v>49</c:v>
                </c:pt>
                <c:pt idx="1">
                  <c:v>49</c:v>
                </c:pt>
                <c:pt idx="2">
                  <c:v>50</c:v>
                </c:pt>
                <c:pt idx="3">
                  <c:v>63.5</c:v>
                </c:pt>
                <c:pt idx="4">
                  <c:v>81.75</c:v>
                </c:pt>
              </c:numCache>
            </c:numRef>
          </c:val>
          <c:smooth val="0"/>
          <c:extLst>
            <c:ext xmlns:c16="http://schemas.microsoft.com/office/drawing/2014/chart" uri="{C3380CC4-5D6E-409C-BE32-E72D297353CC}">
              <c16:uniqueId val="{00000004-D40D-43BA-BACF-7031DC14F879}"/>
            </c:ext>
          </c:extLst>
        </c:ser>
        <c:dLbls>
          <c:showLegendKey val="0"/>
          <c:showVal val="0"/>
          <c:showCatName val="0"/>
          <c:showSerName val="0"/>
          <c:showPercent val="0"/>
          <c:showBubbleSize val="0"/>
        </c:dLbls>
        <c:marker val="1"/>
        <c:smooth val="0"/>
        <c:axId val="1412018368"/>
        <c:axId val="1415409408"/>
      </c:lineChart>
      <c:catAx>
        <c:axId val="1412018368"/>
        <c:scaling>
          <c:orientation val="minMax"/>
        </c:scaling>
        <c:delete val="0"/>
        <c:axPos val="b"/>
        <c:title>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15409408"/>
        <c:crosses val="autoZero"/>
        <c:auto val="1"/>
        <c:lblAlgn val="ctr"/>
        <c:lblOffset val="100"/>
        <c:noMultiLvlLbl val="0"/>
      </c:catAx>
      <c:valAx>
        <c:axId val="1415409408"/>
        <c:scaling>
          <c:orientation val="minMax"/>
          <c:max val="16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Business Days</a:t>
                </a:r>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12018368"/>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en-ZA"/>
              <a:t>Appeals</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lineChart>
        <c:grouping val="standard"/>
        <c:varyColors val="0"/>
        <c:ser>
          <c:idx val="0"/>
          <c:order val="0"/>
          <c:tx>
            <c:strRef>
              <c:f>'Objections &amp; Appeals Actuals'!$A$13</c:f>
              <c:strCache>
                <c:ptCount val="1"/>
                <c:pt idx="0">
                  <c:v>PIT</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Objections &amp; Appeals Actuals'!$B$12:$F$12</c:f>
              <c:strCache>
                <c:ptCount val="5"/>
                <c:pt idx="0">
                  <c:v>08/2021</c:v>
                </c:pt>
                <c:pt idx="1">
                  <c:v>09/2021</c:v>
                </c:pt>
                <c:pt idx="2">
                  <c:v>11/2021</c:v>
                </c:pt>
                <c:pt idx="3">
                  <c:v>02/2022</c:v>
                </c:pt>
                <c:pt idx="4">
                  <c:v>03/2022</c:v>
                </c:pt>
              </c:strCache>
            </c:strRef>
          </c:cat>
          <c:val>
            <c:numRef>
              <c:f>'Objections &amp; Appeals Actuals'!$B$13:$F$13</c:f>
              <c:numCache>
                <c:formatCode>General</c:formatCode>
                <c:ptCount val="5"/>
                <c:pt idx="0">
                  <c:v>241</c:v>
                </c:pt>
                <c:pt idx="1">
                  <c:v>251</c:v>
                </c:pt>
                <c:pt idx="2">
                  <c:v>264</c:v>
                </c:pt>
                <c:pt idx="3">
                  <c:v>261</c:v>
                </c:pt>
                <c:pt idx="4">
                  <c:v>268</c:v>
                </c:pt>
              </c:numCache>
            </c:numRef>
          </c:val>
          <c:smooth val="0"/>
          <c:extLst>
            <c:ext xmlns:c16="http://schemas.microsoft.com/office/drawing/2014/chart" uri="{C3380CC4-5D6E-409C-BE32-E72D297353CC}">
              <c16:uniqueId val="{00000000-F2B5-4F4A-A413-E94087CD6138}"/>
            </c:ext>
          </c:extLst>
        </c:ser>
        <c:ser>
          <c:idx val="1"/>
          <c:order val="1"/>
          <c:tx>
            <c:strRef>
              <c:f>'Objections &amp; Appeals Actuals'!$A$14</c:f>
              <c:strCache>
                <c:ptCount val="1"/>
                <c:pt idx="0">
                  <c:v>CIT</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Objections &amp; Appeals Actuals'!$B$12:$F$12</c:f>
              <c:strCache>
                <c:ptCount val="5"/>
                <c:pt idx="0">
                  <c:v>08/2021</c:v>
                </c:pt>
                <c:pt idx="1">
                  <c:v>09/2021</c:v>
                </c:pt>
                <c:pt idx="2">
                  <c:v>11/2021</c:v>
                </c:pt>
                <c:pt idx="3">
                  <c:v>02/2022</c:v>
                </c:pt>
                <c:pt idx="4">
                  <c:v>03/2022</c:v>
                </c:pt>
              </c:strCache>
            </c:strRef>
          </c:cat>
          <c:val>
            <c:numRef>
              <c:f>'Objections &amp; Appeals Actuals'!$B$14:$F$14</c:f>
              <c:numCache>
                <c:formatCode>General</c:formatCode>
                <c:ptCount val="5"/>
                <c:pt idx="0">
                  <c:v>593</c:v>
                </c:pt>
                <c:pt idx="1">
                  <c:v>587</c:v>
                </c:pt>
                <c:pt idx="2">
                  <c:v>575</c:v>
                </c:pt>
                <c:pt idx="3">
                  <c:v>520</c:v>
                </c:pt>
                <c:pt idx="4">
                  <c:v>515</c:v>
                </c:pt>
              </c:numCache>
            </c:numRef>
          </c:val>
          <c:smooth val="0"/>
          <c:extLst>
            <c:ext xmlns:c16="http://schemas.microsoft.com/office/drawing/2014/chart" uri="{C3380CC4-5D6E-409C-BE32-E72D297353CC}">
              <c16:uniqueId val="{00000001-F2B5-4F4A-A413-E94087CD6138}"/>
            </c:ext>
          </c:extLst>
        </c:ser>
        <c:ser>
          <c:idx val="2"/>
          <c:order val="2"/>
          <c:tx>
            <c:strRef>
              <c:f>'Objections &amp; Appeals Actuals'!$A$15</c:f>
              <c:strCache>
                <c:ptCount val="1"/>
                <c:pt idx="0">
                  <c:v>PAYE</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strRef>
              <c:f>'Objections &amp; Appeals Actuals'!$B$12:$F$12</c:f>
              <c:strCache>
                <c:ptCount val="5"/>
                <c:pt idx="0">
                  <c:v>08/2021</c:v>
                </c:pt>
                <c:pt idx="1">
                  <c:v>09/2021</c:v>
                </c:pt>
                <c:pt idx="2">
                  <c:v>11/2021</c:v>
                </c:pt>
                <c:pt idx="3">
                  <c:v>02/2022</c:v>
                </c:pt>
                <c:pt idx="4">
                  <c:v>03/2022</c:v>
                </c:pt>
              </c:strCache>
            </c:strRef>
          </c:cat>
          <c:val>
            <c:numRef>
              <c:f>'Objections &amp; Appeals Actuals'!$B$15:$F$15</c:f>
              <c:numCache>
                <c:formatCode>General</c:formatCode>
                <c:ptCount val="5"/>
                <c:pt idx="0">
                  <c:v>66</c:v>
                </c:pt>
                <c:pt idx="1">
                  <c:v>117</c:v>
                </c:pt>
                <c:pt idx="2">
                  <c:v>107</c:v>
                </c:pt>
                <c:pt idx="3">
                  <c:v>144</c:v>
                </c:pt>
                <c:pt idx="4">
                  <c:v>139</c:v>
                </c:pt>
              </c:numCache>
            </c:numRef>
          </c:val>
          <c:smooth val="0"/>
          <c:extLst>
            <c:ext xmlns:c16="http://schemas.microsoft.com/office/drawing/2014/chart" uri="{C3380CC4-5D6E-409C-BE32-E72D297353CC}">
              <c16:uniqueId val="{00000002-F2B5-4F4A-A413-E94087CD6138}"/>
            </c:ext>
          </c:extLst>
        </c:ser>
        <c:ser>
          <c:idx val="3"/>
          <c:order val="3"/>
          <c:tx>
            <c:strRef>
              <c:f>'Objections &amp; Appeals Actuals'!$A$16</c:f>
              <c:strCache>
                <c:ptCount val="1"/>
                <c:pt idx="0">
                  <c:v>VAT</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strRef>
              <c:f>'Objections &amp; Appeals Actuals'!$B$12:$F$12</c:f>
              <c:strCache>
                <c:ptCount val="5"/>
                <c:pt idx="0">
                  <c:v>08/2021</c:v>
                </c:pt>
                <c:pt idx="1">
                  <c:v>09/2021</c:v>
                </c:pt>
                <c:pt idx="2">
                  <c:v>11/2021</c:v>
                </c:pt>
                <c:pt idx="3">
                  <c:v>02/2022</c:v>
                </c:pt>
                <c:pt idx="4">
                  <c:v>03/2022</c:v>
                </c:pt>
              </c:strCache>
            </c:strRef>
          </c:cat>
          <c:val>
            <c:numRef>
              <c:f>'Objections &amp; Appeals Actuals'!$B$16:$F$16</c:f>
              <c:numCache>
                <c:formatCode>General</c:formatCode>
                <c:ptCount val="5"/>
                <c:pt idx="0">
                  <c:v>364</c:v>
                </c:pt>
                <c:pt idx="1">
                  <c:v>377</c:v>
                </c:pt>
                <c:pt idx="2">
                  <c:v>566</c:v>
                </c:pt>
                <c:pt idx="3">
                  <c:v>551</c:v>
                </c:pt>
                <c:pt idx="4">
                  <c:v>524</c:v>
                </c:pt>
              </c:numCache>
            </c:numRef>
          </c:val>
          <c:smooth val="0"/>
          <c:extLst>
            <c:ext xmlns:c16="http://schemas.microsoft.com/office/drawing/2014/chart" uri="{C3380CC4-5D6E-409C-BE32-E72D297353CC}">
              <c16:uniqueId val="{00000003-F2B5-4F4A-A413-E94087CD6138}"/>
            </c:ext>
          </c:extLst>
        </c:ser>
        <c:ser>
          <c:idx val="4"/>
          <c:order val="4"/>
          <c:tx>
            <c:strRef>
              <c:f>'Objections &amp; Appeals Actuals'!$A$17</c:f>
              <c:strCache>
                <c:ptCount val="1"/>
                <c:pt idx="0">
                  <c:v>Average</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strRef>
              <c:f>'Objections &amp; Appeals Actuals'!$B$12:$F$12</c:f>
              <c:strCache>
                <c:ptCount val="5"/>
                <c:pt idx="0">
                  <c:v>08/2021</c:v>
                </c:pt>
                <c:pt idx="1">
                  <c:v>09/2021</c:v>
                </c:pt>
                <c:pt idx="2">
                  <c:v>11/2021</c:v>
                </c:pt>
                <c:pt idx="3">
                  <c:v>02/2022</c:v>
                </c:pt>
                <c:pt idx="4">
                  <c:v>03/2022</c:v>
                </c:pt>
              </c:strCache>
            </c:strRef>
          </c:cat>
          <c:val>
            <c:numRef>
              <c:f>'Objections &amp; Appeals Actuals'!$B$17:$F$17</c:f>
              <c:numCache>
                <c:formatCode>General</c:formatCode>
                <c:ptCount val="5"/>
                <c:pt idx="0">
                  <c:v>316</c:v>
                </c:pt>
                <c:pt idx="1">
                  <c:v>333</c:v>
                </c:pt>
                <c:pt idx="2">
                  <c:v>378</c:v>
                </c:pt>
                <c:pt idx="3">
                  <c:v>369</c:v>
                </c:pt>
                <c:pt idx="4">
                  <c:v>361.5</c:v>
                </c:pt>
              </c:numCache>
            </c:numRef>
          </c:val>
          <c:smooth val="0"/>
          <c:extLst>
            <c:ext xmlns:c16="http://schemas.microsoft.com/office/drawing/2014/chart" uri="{C3380CC4-5D6E-409C-BE32-E72D297353CC}">
              <c16:uniqueId val="{00000004-F2B5-4F4A-A413-E94087CD6138}"/>
            </c:ext>
          </c:extLst>
        </c:ser>
        <c:dLbls>
          <c:showLegendKey val="0"/>
          <c:showVal val="0"/>
          <c:showCatName val="0"/>
          <c:showSerName val="0"/>
          <c:showPercent val="0"/>
          <c:showBubbleSize val="0"/>
        </c:dLbls>
        <c:marker val="1"/>
        <c:smooth val="0"/>
        <c:axId val="1423597424"/>
        <c:axId val="1415403584"/>
      </c:lineChart>
      <c:catAx>
        <c:axId val="1423597424"/>
        <c:scaling>
          <c:orientation val="minMax"/>
        </c:scaling>
        <c:delete val="0"/>
        <c:axPos val="b"/>
        <c:title>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415403584"/>
        <c:crosses val="autoZero"/>
        <c:auto val="1"/>
        <c:lblAlgn val="ctr"/>
        <c:lblOffset val="100"/>
        <c:noMultiLvlLbl val="0"/>
      </c:catAx>
      <c:valAx>
        <c:axId val="1415403584"/>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r>
                  <a:rPr lang="en-GB" dirty="0"/>
                  <a:t>Business</a:t>
                </a:r>
                <a:r>
                  <a:rPr lang="en-GB" baseline="0" dirty="0"/>
                  <a:t> Days</a:t>
                </a:r>
                <a:endParaRPr lang="en-GB" dirty="0"/>
              </a:p>
            </c:rich>
          </c:tx>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en-US"/>
          </a:p>
        </c:txPr>
        <c:crossAx val="1423597424"/>
        <c:crosses val="autoZero"/>
        <c:crossBetween val="between"/>
      </c:val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legend>
    <c:plotVisOnly val="1"/>
    <c:dispBlanksAs val="gap"/>
    <c:showDLblsOverMax val="0"/>
    <c:extLs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ZA"/>
          </a:p>
        </p:txBody>
      </p:sp>
      <p:sp>
        <p:nvSpPr>
          <p:cNvPr id="3" name="Date Placeholder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6DF16604-D1F0-439A-875C-4E8EFD0AE24A}" type="datetimeFigureOut">
              <a:rPr lang="en-ZA" smtClean="0"/>
              <a:t>2022/06/03</a:t>
            </a:fld>
            <a:endParaRPr lang="en-ZA"/>
          </a:p>
        </p:txBody>
      </p:sp>
      <p:sp>
        <p:nvSpPr>
          <p:cNvPr id="4" name="Footer Placeholder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en-ZA"/>
          </a:p>
        </p:txBody>
      </p:sp>
      <p:sp>
        <p:nvSpPr>
          <p:cNvPr id="5" name="Slide Number Placeholder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A395F76D-A48B-4E76-BFBE-E28BCE0A8AE9}" type="slidenum">
              <a:rPr lang="en-ZA" smtClean="0"/>
              <a:t>‹#›</a:t>
            </a:fld>
            <a:endParaRPr lang="en-ZA"/>
          </a:p>
        </p:txBody>
      </p:sp>
    </p:spTree>
    <p:extLst>
      <p:ext uri="{BB962C8B-B14F-4D97-AF65-F5344CB8AC3E}">
        <p14:creationId xmlns:p14="http://schemas.microsoft.com/office/powerpoint/2010/main" val="1258850180"/>
      </p:ext>
    </p:extLst>
  </p:cSld>
  <p:clrMap bg1="lt1" tx1="dk1" bg2="lt2" tx2="dk2" accent1="accent1" accent2="accent2" accent3="accent3" accent4="accent4" accent5="accent5" accent6="accent6" hlink="hlink" folHlink="folHlink"/>
  <p:hf hd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ZA"/>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4F416A32-11CE-4C34-965D-4F3C8425CF1D}" type="datetimeFigureOut">
              <a:rPr lang="en-ZA" smtClean="0"/>
              <a:t>2022/06/03</a:t>
            </a:fld>
            <a:endParaRPr lang="en-ZA"/>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ZA"/>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smtClean="0"/>
              <a:t>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ZA"/>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ZA"/>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438AF431-F009-4B08-BA20-9421E4BBC0AE}" type="slidenum">
              <a:rPr lang="en-ZA" smtClean="0"/>
              <a:t>‹#›</a:t>
            </a:fld>
            <a:endParaRPr lang="en-ZA"/>
          </a:p>
        </p:txBody>
      </p:sp>
    </p:spTree>
    <p:extLst>
      <p:ext uri="{BB962C8B-B14F-4D97-AF65-F5344CB8AC3E}">
        <p14:creationId xmlns:p14="http://schemas.microsoft.com/office/powerpoint/2010/main" val="2596433053"/>
      </p:ext>
    </p:extLst>
  </p:cSld>
  <p:clrMap bg1="lt1" tx1="dk1" bg2="lt2" tx2="dk2" accent1="accent1" accent2="accent2" accent3="accent3" accent4="accent4" accent5="accent5" accent6="accent6" hlink="hlink" folHlink="folHlink"/>
  <p:hf hd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ZA"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01BB0138-77EE-466A-BAEB-47D907700EE9}" type="slidenum">
              <a:rPr kumimoji="0" lang="fr-FR" sz="1200" b="0" i="0" u="none" strike="noStrike" kern="1200" cap="none" spc="0" normalizeH="0" baseline="0" noProof="0" smtClean="0">
                <a:ln>
                  <a:noFill/>
                </a:ln>
                <a:solidFill>
                  <a:prstClr val="black"/>
                </a:solidFill>
                <a:effectLst/>
                <a:uLnTx/>
                <a:uFillTx/>
                <a:latin typeface="Segoe UI Light" panose="020B0502040204020203" pitchFamily="34" charset="0"/>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a:t>
            </a:fld>
            <a:endParaRPr kumimoji="0" lang="fr-FR" sz="1200" b="0" i="0" u="none" strike="noStrike" kern="1200" cap="none" spc="0" normalizeH="0" baseline="0" noProof="0" dirty="0">
              <a:ln>
                <a:noFill/>
              </a:ln>
              <a:solidFill>
                <a:prstClr val="black"/>
              </a:solidFill>
              <a:effectLst/>
              <a:uLnTx/>
              <a:uFillTx/>
              <a:latin typeface="Segoe UI Light" panose="020B0502040204020203" pitchFamily="34" charset="0"/>
              <a:ea typeface="+mn-ea"/>
              <a:cs typeface="+mn-cs"/>
            </a:endParaRPr>
          </a:p>
        </p:txBody>
      </p:sp>
      <p:sp>
        <p:nvSpPr>
          <p:cNvPr id="5" name="Footer Placeholder 4"/>
          <p:cNvSpPr>
            <a:spLocks noGrp="1"/>
          </p:cNvSpPr>
          <p:nvPr>
            <p:ph type="ftr" sz="quarter" idx="11"/>
          </p:nvPr>
        </p:nvSpPr>
        <p:spPr/>
        <p:txBody>
          <a:bodyPr/>
          <a:lstStyle/>
          <a:p>
            <a:endParaRPr lang="en-ZA"/>
          </a:p>
        </p:txBody>
      </p:sp>
    </p:spTree>
    <p:extLst>
      <p:ext uri="{BB962C8B-B14F-4D97-AF65-F5344CB8AC3E}">
        <p14:creationId xmlns:p14="http://schemas.microsoft.com/office/powerpoint/2010/main" val="21266994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2.svg"/><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 Id="rId5" Type="http://schemas.openxmlformats.org/officeDocument/2006/relationships/hyperlink" Target="https://www.slidor.fr/" TargetMode="External"/><Relationship Id="rId4" Type="http://schemas.openxmlformats.org/officeDocument/2006/relationships/image" Target="../media/image2.sv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0C74C52-9326-5143-9806-8B10D248C939}"/>
              </a:ext>
            </a:extLst>
          </p:cNvPr>
          <p:cNvSpPr>
            <a:spLocks noGrp="1"/>
          </p:cNvSpPr>
          <p:nvPr>
            <p:ph type="ctrTitle"/>
          </p:nvPr>
        </p:nvSpPr>
        <p:spPr>
          <a:xfrm>
            <a:off x="1524000" y="1122363"/>
            <a:ext cx="9144000" cy="2387600"/>
          </a:xfrm>
        </p:spPr>
        <p:txBody>
          <a:bodyPr anchor="b"/>
          <a:lstStyle>
            <a:lvl1pPr algn="ctr">
              <a:defRPr sz="6000"/>
            </a:lvl1pPr>
          </a:lstStyle>
          <a:p>
            <a:r>
              <a:rPr lang="en-GB"/>
              <a:t>Click to edit Master title style</a:t>
            </a:r>
            <a:endParaRPr lang="en-US"/>
          </a:p>
        </p:txBody>
      </p:sp>
      <p:sp>
        <p:nvSpPr>
          <p:cNvPr id="3" name="Subtitle 2">
            <a:extLst>
              <a:ext uri="{FF2B5EF4-FFF2-40B4-BE49-F238E27FC236}">
                <a16:creationId xmlns:a16="http://schemas.microsoft.com/office/drawing/2014/main" id="{80687C2B-0549-9F43-8537-5268AF02D60D}"/>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GB"/>
              <a:t>Click to edit Master subtitle style</a:t>
            </a:r>
            <a:endParaRPr lang="en-US"/>
          </a:p>
        </p:txBody>
      </p:sp>
      <p:sp>
        <p:nvSpPr>
          <p:cNvPr id="4" name="Date Placeholder 3">
            <a:extLst>
              <a:ext uri="{FF2B5EF4-FFF2-40B4-BE49-F238E27FC236}">
                <a16:creationId xmlns:a16="http://schemas.microsoft.com/office/drawing/2014/main" id="{C3F0AE9D-C2B6-5B4A-9FD0-D67527A0F793}"/>
              </a:ext>
            </a:extLst>
          </p:cNvPr>
          <p:cNvSpPr>
            <a:spLocks noGrp="1"/>
          </p:cNvSpPr>
          <p:nvPr>
            <p:ph type="dt" sz="half" idx="10"/>
          </p:nvPr>
        </p:nvSpPr>
        <p:spPr/>
        <p:txBody>
          <a:bodyPr/>
          <a:lstStyle/>
          <a:p>
            <a:fld id="{6BCDD123-15EF-45B9-A948-D3581DEEA566}" type="datetime1">
              <a:rPr lang="en-US" smtClean="0"/>
              <a:t>6/3/2022</a:t>
            </a:fld>
            <a:endParaRPr lang="en-US"/>
          </a:p>
        </p:txBody>
      </p:sp>
      <p:sp>
        <p:nvSpPr>
          <p:cNvPr id="5" name="Footer Placeholder 4">
            <a:extLst>
              <a:ext uri="{FF2B5EF4-FFF2-40B4-BE49-F238E27FC236}">
                <a16:creationId xmlns:a16="http://schemas.microsoft.com/office/drawing/2014/main" id="{63FC3389-9D95-1F41-A179-F29B587BAC31}"/>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8DF847B9-64BA-2B4C-8110-75A5ECC71BDF}"/>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351985908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648294A-E446-DE4C-93B9-C8256AD20C17}"/>
              </a:ext>
            </a:extLst>
          </p:cNvPr>
          <p:cNvSpPr>
            <a:spLocks noGrp="1"/>
          </p:cNvSpPr>
          <p:nvPr>
            <p:ph type="title"/>
          </p:nvPr>
        </p:nvSpPr>
        <p:spPr/>
        <p:txBody>
          <a:bodyPr/>
          <a:lstStyle/>
          <a:p>
            <a:r>
              <a:rPr lang="en-GB"/>
              <a:t>Click to edit Master title style</a:t>
            </a:r>
            <a:endParaRPr lang="en-US"/>
          </a:p>
        </p:txBody>
      </p:sp>
      <p:sp>
        <p:nvSpPr>
          <p:cNvPr id="3" name="Vertical Text Placeholder 2">
            <a:extLst>
              <a:ext uri="{FF2B5EF4-FFF2-40B4-BE49-F238E27FC236}">
                <a16:creationId xmlns:a16="http://schemas.microsoft.com/office/drawing/2014/main" id="{AA681934-D938-B647-9064-A7433743DEC6}"/>
              </a:ext>
            </a:extLst>
          </p:cNvPr>
          <p:cNvSpPr>
            <a:spLocks noGrp="1"/>
          </p:cNvSpPr>
          <p:nvPr>
            <p:ph type="body" orient="vert" idx="1"/>
          </p:nvPr>
        </p:nvSpPr>
        <p:spPr/>
        <p:txBody>
          <a:bodyPr vert="eaVert"/>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4" name="Date Placeholder 3">
            <a:extLst>
              <a:ext uri="{FF2B5EF4-FFF2-40B4-BE49-F238E27FC236}">
                <a16:creationId xmlns:a16="http://schemas.microsoft.com/office/drawing/2014/main" id="{33F157A6-E011-344B-AD45-C410C59B21BF}"/>
              </a:ext>
            </a:extLst>
          </p:cNvPr>
          <p:cNvSpPr>
            <a:spLocks noGrp="1"/>
          </p:cNvSpPr>
          <p:nvPr>
            <p:ph type="dt" sz="half" idx="10"/>
          </p:nvPr>
        </p:nvSpPr>
        <p:spPr/>
        <p:txBody>
          <a:bodyPr/>
          <a:lstStyle/>
          <a:p>
            <a:fld id="{22001F4D-E5C8-45C7-92B7-62D2EE7E0658}" type="datetime1">
              <a:rPr lang="en-US" smtClean="0"/>
              <a:t>6/3/2022</a:t>
            </a:fld>
            <a:endParaRPr lang="en-US"/>
          </a:p>
        </p:txBody>
      </p:sp>
      <p:sp>
        <p:nvSpPr>
          <p:cNvPr id="5" name="Footer Placeholder 4">
            <a:extLst>
              <a:ext uri="{FF2B5EF4-FFF2-40B4-BE49-F238E27FC236}">
                <a16:creationId xmlns:a16="http://schemas.microsoft.com/office/drawing/2014/main" id="{1C983BF5-CF16-DA40-AFF1-9DD28E36DCF9}"/>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5C5BF421-1365-ED43-93A5-FD7F777FC5B4}"/>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238047349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2118560A-53F3-DC41-A6A7-DD8D537D08DB}"/>
              </a:ext>
            </a:extLst>
          </p:cNvPr>
          <p:cNvSpPr>
            <a:spLocks noGrp="1"/>
          </p:cNvSpPr>
          <p:nvPr>
            <p:ph type="title" orient="vert"/>
          </p:nvPr>
        </p:nvSpPr>
        <p:spPr>
          <a:xfrm>
            <a:off x="8724900" y="365125"/>
            <a:ext cx="2628900" cy="5811838"/>
          </a:xfrm>
        </p:spPr>
        <p:txBody>
          <a:bodyPr vert="eaVert"/>
          <a:lstStyle/>
          <a:p>
            <a:r>
              <a:rPr lang="en-GB"/>
              <a:t>Click to edit Master title style</a:t>
            </a:r>
            <a:endParaRPr lang="en-US"/>
          </a:p>
        </p:txBody>
      </p:sp>
      <p:sp>
        <p:nvSpPr>
          <p:cNvPr id="3" name="Vertical Text Placeholder 2">
            <a:extLst>
              <a:ext uri="{FF2B5EF4-FFF2-40B4-BE49-F238E27FC236}">
                <a16:creationId xmlns:a16="http://schemas.microsoft.com/office/drawing/2014/main" id="{EDB21195-3354-464D-B034-3ECB87F2FFF5}"/>
              </a:ext>
            </a:extLst>
          </p:cNvPr>
          <p:cNvSpPr>
            <a:spLocks noGrp="1"/>
          </p:cNvSpPr>
          <p:nvPr>
            <p:ph type="body" orient="vert" idx="1"/>
          </p:nvPr>
        </p:nvSpPr>
        <p:spPr>
          <a:xfrm>
            <a:off x="838200" y="365125"/>
            <a:ext cx="7734300" cy="5811838"/>
          </a:xfrm>
        </p:spPr>
        <p:txBody>
          <a:bodyPr vert="eaVert"/>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4" name="Date Placeholder 3">
            <a:extLst>
              <a:ext uri="{FF2B5EF4-FFF2-40B4-BE49-F238E27FC236}">
                <a16:creationId xmlns:a16="http://schemas.microsoft.com/office/drawing/2014/main" id="{7C37D990-B949-A948-9C87-C4F1B6F95522}"/>
              </a:ext>
            </a:extLst>
          </p:cNvPr>
          <p:cNvSpPr>
            <a:spLocks noGrp="1"/>
          </p:cNvSpPr>
          <p:nvPr>
            <p:ph type="dt" sz="half" idx="10"/>
          </p:nvPr>
        </p:nvSpPr>
        <p:spPr/>
        <p:txBody>
          <a:bodyPr/>
          <a:lstStyle/>
          <a:p>
            <a:fld id="{F493BE17-738B-4359-A842-1AB7E658C189}" type="datetime1">
              <a:rPr lang="en-US" smtClean="0"/>
              <a:t>6/3/2022</a:t>
            </a:fld>
            <a:endParaRPr lang="en-US"/>
          </a:p>
        </p:txBody>
      </p:sp>
      <p:sp>
        <p:nvSpPr>
          <p:cNvPr id="5" name="Footer Placeholder 4">
            <a:extLst>
              <a:ext uri="{FF2B5EF4-FFF2-40B4-BE49-F238E27FC236}">
                <a16:creationId xmlns:a16="http://schemas.microsoft.com/office/drawing/2014/main" id="{941C0283-2179-F442-86A4-C38A8F5D22CA}"/>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4A10E69B-380C-5148-95BE-C0D5687D45D2}"/>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3161621469"/>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8 logos Slide">
    <p:spTree>
      <p:nvGrpSpPr>
        <p:cNvPr id="1" name=""/>
        <p:cNvGrpSpPr/>
        <p:nvPr/>
      </p:nvGrpSpPr>
      <p:grpSpPr>
        <a:xfrm>
          <a:off x="0" y="0"/>
          <a:ext cx="0" cy="0"/>
          <a:chOff x="0" y="0"/>
          <a:chExt cx="0" cy="0"/>
        </a:xfrm>
      </p:grpSpPr>
      <p:sp>
        <p:nvSpPr>
          <p:cNvPr id="13" name="Espace réservé du contenu 12">
            <a:extLst>
              <a:ext uri="{FF2B5EF4-FFF2-40B4-BE49-F238E27FC236}">
                <a16:creationId xmlns:a16="http://schemas.microsoft.com/office/drawing/2014/main" id="{0FA82258-8070-4B7B-B7C6-919C1BFAD958}"/>
              </a:ext>
            </a:extLst>
          </p:cNvPr>
          <p:cNvSpPr>
            <a:spLocks noGrp="1"/>
          </p:cNvSpPr>
          <p:nvPr>
            <p:ph sz="quarter" idx="10" hasCustomPrompt="1"/>
          </p:nvPr>
        </p:nvSpPr>
        <p:spPr>
          <a:xfrm>
            <a:off x="1579910" y="2595169"/>
            <a:ext cx="1042520" cy="1008570"/>
          </a:xfrm>
          <a:prstGeom prst="rect">
            <a:avLst/>
          </a:prstGeom>
        </p:spPr>
        <p:txBody>
          <a:bodyPr anchor="t"/>
          <a:lstStyle>
            <a:lvl1pPr marL="0" indent="0" algn="ctr">
              <a:buNone/>
              <a:defRPr sz="1000"/>
            </a:lvl1pPr>
          </a:lstStyle>
          <a:p>
            <a:pPr lvl="0"/>
            <a:r>
              <a:rPr lang="fr-FR" dirty="0"/>
              <a:t>Drag &amp; Drop</a:t>
            </a:r>
            <a:endParaRPr lang="en-US" dirty="0"/>
          </a:p>
        </p:txBody>
      </p:sp>
      <p:sp>
        <p:nvSpPr>
          <p:cNvPr id="14" name="Espace réservé du contenu 12">
            <a:extLst>
              <a:ext uri="{FF2B5EF4-FFF2-40B4-BE49-F238E27FC236}">
                <a16:creationId xmlns:a16="http://schemas.microsoft.com/office/drawing/2014/main" id="{24B192B9-1979-47FD-B40B-D105E04FD493}"/>
              </a:ext>
            </a:extLst>
          </p:cNvPr>
          <p:cNvSpPr>
            <a:spLocks noGrp="1"/>
          </p:cNvSpPr>
          <p:nvPr>
            <p:ph sz="quarter" idx="11" hasCustomPrompt="1"/>
          </p:nvPr>
        </p:nvSpPr>
        <p:spPr>
          <a:xfrm>
            <a:off x="3577325" y="2595169"/>
            <a:ext cx="1042520" cy="1008570"/>
          </a:xfrm>
          <a:prstGeom prst="rect">
            <a:avLst/>
          </a:prstGeom>
        </p:spPr>
        <p:txBody>
          <a:bodyPr anchor="t"/>
          <a:lstStyle>
            <a:lvl1pPr marL="0" indent="0" algn="ctr">
              <a:buNone/>
              <a:defRPr sz="1000"/>
            </a:lvl1pPr>
          </a:lstStyle>
          <a:p>
            <a:pPr lvl="0"/>
            <a:r>
              <a:rPr lang="fr-FR" dirty="0"/>
              <a:t>Drag &amp; Drop</a:t>
            </a:r>
          </a:p>
        </p:txBody>
      </p:sp>
      <p:sp>
        <p:nvSpPr>
          <p:cNvPr id="17" name="Espace réservé du contenu 12">
            <a:extLst>
              <a:ext uri="{FF2B5EF4-FFF2-40B4-BE49-F238E27FC236}">
                <a16:creationId xmlns:a16="http://schemas.microsoft.com/office/drawing/2014/main" id="{201296E0-114D-4FAE-9474-548B5DC841EA}"/>
              </a:ext>
            </a:extLst>
          </p:cNvPr>
          <p:cNvSpPr>
            <a:spLocks noGrp="1"/>
          </p:cNvSpPr>
          <p:nvPr>
            <p:ph sz="quarter" idx="12" hasCustomPrompt="1"/>
          </p:nvPr>
        </p:nvSpPr>
        <p:spPr>
          <a:xfrm>
            <a:off x="5574740" y="2595169"/>
            <a:ext cx="1042520" cy="1008570"/>
          </a:xfrm>
          <a:prstGeom prst="rect">
            <a:avLst/>
          </a:prstGeom>
        </p:spPr>
        <p:txBody>
          <a:bodyPr anchor="t"/>
          <a:lstStyle>
            <a:lvl1pPr marL="0" indent="0" algn="ctr">
              <a:buNone/>
              <a:defRPr sz="1000"/>
            </a:lvl1pPr>
          </a:lstStyle>
          <a:p>
            <a:pPr lvl="0"/>
            <a:r>
              <a:rPr lang="fr-FR" dirty="0"/>
              <a:t>Drag &amp; Drop</a:t>
            </a:r>
          </a:p>
        </p:txBody>
      </p:sp>
      <p:sp>
        <p:nvSpPr>
          <p:cNvPr id="18" name="Espace réservé du contenu 12">
            <a:extLst>
              <a:ext uri="{FF2B5EF4-FFF2-40B4-BE49-F238E27FC236}">
                <a16:creationId xmlns:a16="http://schemas.microsoft.com/office/drawing/2014/main" id="{154D76DD-DF79-45CC-89FC-1544939578E9}"/>
              </a:ext>
            </a:extLst>
          </p:cNvPr>
          <p:cNvSpPr>
            <a:spLocks noGrp="1"/>
          </p:cNvSpPr>
          <p:nvPr>
            <p:ph sz="quarter" idx="13" hasCustomPrompt="1"/>
          </p:nvPr>
        </p:nvSpPr>
        <p:spPr>
          <a:xfrm>
            <a:off x="7572155" y="2595169"/>
            <a:ext cx="1042520" cy="1008570"/>
          </a:xfrm>
          <a:prstGeom prst="rect">
            <a:avLst/>
          </a:prstGeom>
        </p:spPr>
        <p:txBody>
          <a:bodyPr anchor="t"/>
          <a:lstStyle>
            <a:lvl1pPr marL="0" indent="0" algn="ctr">
              <a:buNone/>
              <a:defRPr sz="1000"/>
            </a:lvl1pPr>
          </a:lstStyle>
          <a:p>
            <a:pPr lvl="0"/>
            <a:r>
              <a:rPr lang="fr-FR" dirty="0"/>
              <a:t>Drag &amp; Drop</a:t>
            </a:r>
          </a:p>
        </p:txBody>
      </p:sp>
      <p:sp>
        <p:nvSpPr>
          <p:cNvPr id="21" name="Espace réservé du contenu 12">
            <a:extLst>
              <a:ext uri="{FF2B5EF4-FFF2-40B4-BE49-F238E27FC236}">
                <a16:creationId xmlns:a16="http://schemas.microsoft.com/office/drawing/2014/main" id="{E3E44833-1827-41DC-AEC3-0C01F1BAD462}"/>
              </a:ext>
            </a:extLst>
          </p:cNvPr>
          <p:cNvSpPr>
            <a:spLocks noGrp="1"/>
          </p:cNvSpPr>
          <p:nvPr>
            <p:ph sz="quarter" idx="14" hasCustomPrompt="1"/>
          </p:nvPr>
        </p:nvSpPr>
        <p:spPr>
          <a:xfrm>
            <a:off x="9569570" y="2595169"/>
            <a:ext cx="1042520" cy="1008570"/>
          </a:xfrm>
          <a:prstGeom prst="rect">
            <a:avLst/>
          </a:prstGeom>
        </p:spPr>
        <p:txBody>
          <a:bodyPr anchor="t"/>
          <a:lstStyle>
            <a:lvl1pPr marL="0" indent="0" algn="ctr">
              <a:buNone/>
              <a:defRPr sz="1000"/>
            </a:lvl1pPr>
          </a:lstStyle>
          <a:p>
            <a:pPr lvl="0"/>
            <a:r>
              <a:rPr lang="fr-FR" dirty="0"/>
              <a:t>Drag &amp; Drop</a:t>
            </a:r>
          </a:p>
        </p:txBody>
      </p:sp>
      <p:sp>
        <p:nvSpPr>
          <p:cNvPr id="22" name="Espace réservé du contenu 12">
            <a:extLst>
              <a:ext uri="{FF2B5EF4-FFF2-40B4-BE49-F238E27FC236}">
                <a16:creationId xmlns:a16="http://schemas.microsoft.com/office/drawing/2014/main" id="{36394FDD-DDC6-46CD-87AF-F343169F6B6C}"/>
              </a:ext>
            </a:extLst>
          </p:cNvPr>
          <p:cNvSpPr>
            <a:spLocks noGrp="1"/>
          </p:cNvSpPr>
          <p:nvPr>
            <p:ph sz="quarter" idx="15" hasCustomPrompt="1"/>
          </p:nvPr>
        </p:nvSpPr>
        <p:spPr>
          <a:xfrm>
            <a:off x="1579910" y="4544738"/>
            <a:ext cx="1042520" cy="1008570"/>
          </a:xfrm>
          <a:prstGeom prst="rect">
            <a:avLst/>
          </a:prstGeom>
        </p:spPr>
        <p:txBody>
          <a:bodyPr anchor="t"/>
          <a:lstStyle>
            <a:lvl1pPr marL="0" indent="0" algn="ctr">
              <a:buNone/>
              <a:defRPr sz="1000"/>
            </a:lvl1pPr>
          </a:lstStyle>
          <a:p>
            <a:pPr lvl="0"/>
            <a:r>
              <a:rPr lang="fr-FR" dirty="0"/>
              <a:t>Drag &amp; Drop</a:t>
            </a:r>
          </a:p>
        </p:txBody>
      </p:sp>
      <p:sp>
        <p:nvSpPr>
          <p:cNvPr id="23" name="Espace réservé du contenu 12">
            <a:extLst>
              <a:ext uri="{FF2B5EF4-FFF2-40B4-BE49-F238E27FC236}">
                <a16:creationId xmlns:a16="http://schemas.microsoft.com/office/drawing/2014/main" id="{F4892D69-01ED-4ACE-9A93-97CAA2FCC8E8}"/>
              </a:ext>
            </a:extLst>
          </p:cNvPr>
          <p:cNvSpPr>
            <a:spLocks noGrp="1"/>
          </p:cNvSpPr>
          <p:nvPr>
            <p:ph sz="quarter" idx="16" hasCustomPrompt="1"/>
          </p:nvPr>
        </p:nvSpPr>
        <p:spPr>
          <a:xfrm>
            <a:off x="3577325" y="4544738"/>
            <a:ext cx="1042520" cy="1008570"/>
          </a:xfrm>
          <a:prstGeom prst="rect">
            <a:avLst/>
          </a:prstGeom>
        </p:spPr>
        <p:txBody>
          <a:bodyPr anchor="t"/>
          <a:lstStyle>
            <a:lvl1pPr marL="0" indent="0" algn="ctr">
              <a:buNone/>
              <a:defRPr sz="1000"/>
            </a:lvl1pPr>
          </a:lstStyle>
          <a:p>
            <a:pPr lvl="0"/>
            <a:r>
              <a:rPr lang="fr-FR" dirty="0"/>
              <a:t>Drag &amp; Drop</a:t>
            </a:r>
          </a:p>
        </p:txBody>
      </p:sp>
      <p:sp>
        <p:nvSpPr>
          <p:cNvPr id="24" name="Espace réservé du contenu 12">
            <a:extLst>
              <a:ext uri="{FF2B5EF4-FFF2-40B4-BE49-F238E27FC236}">
                <a16:creationId xmlns:a16="http://schemas.microsoft.com/office/drawing/2014/main" id="{B911AC6F-ED1A-472B-82C9-F9B03EBADF44}"/>
              </a:ext>
            </a:extLst>
          </p:cNvPr>
          <p:cNvSpPr>
            <a:spLocks noGrp="1"/>
          </p:cNvSpPr>
          <p:nvPr>
            <p:ph sz="quarter" idx="17" hasCustomPrompt="1"/>
          </p:nvPr>
        </p:nvSpPr>
        <p:spPr>
          <a:xfrm>
            <a:off x="5574740" y="4544738"/>
            <a:ext cx="1042520" cy="1008570"/>
          </a:xfrm>
          <a:prstGeom prst="rect">
            <a:avLst/>
          </a:prstGeom>
        </p:spPr>
        <p:txBody>
          <a:bodyPr anchor="t"/>
          <a:lstStyle>
            <a:lvl1pPr marL="0" indent="0" algn="ctr">
              <a:buNone/>
              <a:defRPr sz="1000"/>
            </a:lvl1pPr>
          </a:lstStyle>
          <a:p>
            <a:pPr lvl="0"/>
            <a:r>
              <a:rPr lang="fr-FR" dirty="0"/>
              <a:t>Drag &amp; Drop</a:t>
            </a:r>
          </a:p>
        </p:txBody>
      </p:sp>
      <p:sp>
        <p:nvSpPr>
          <p:cNvPr id="25" name="Espace réservé du contenu 12">
            <a:extLst>
              <a:ext uri="{FF2B5EF4-FFF2-40B4-BE49-F238E27FC236}">
                <a16:creationId xmlns:a16="http://schemas.microsoft.com/office/drawing/2014/main" id="{2A92BF88-4F19-41E1-9684-DFAC07366387}"/>
              </a:ext>
            </a:extLst>
          </p:cNvPr>
          <p:cNvSpPr>
            <a:spLocks noGrp="1"/>
          </p:cNvSpPr>
          <p:nvPr>
            <p:ph sz="quarter" idx="18" hasCustomPrompt="1"/>
          </p:nvPr>
        </p:nvSpPr>
        <p:spPr>
          <a:xfrm>
            <a:off x="7572155" y="4544738"/>
            <a:ext cx="1042520" cy="1008570"/>
          </a:xfrm>
          <a:prstGeom prst="rect">
            <a:avLst/>
          </a:prstGeom>
        </p:spPr>
        <p:txBody>
          <a:bodyPr anchor="t"/>
          <a:lstStyle>
            <a:lvl1pPr marL="0" indent="0" algn="ctr">
              <a:buNone/>
              <a:defRPr sz="1000"/>
            </a:lvl1pPr>
          </a:lstStyle>
          <a:p>
            <a:pPr lvl="0"/>
            <a:r>
              <a:rPr lang="fr-FR" dirty="0"/>
              <a:t>Drag &amp; Drop</a:t>
            </a:r>
          </a:p>
        </p:txBody>
      </p:sp>
      <p:sp>
        <p:nvSpPr>
          <p:cNvPr id="26" name="Espace réservé du contenu 12">
            <a:extLst>
              <a:ext uri="{FF2B5EF4-FFF2-40B4-BE49-F238E27FC236}">
                <a16:creationId xmlns:a16="http://schemas.microsoft.com/office/drawing/2014/main" id="{6C4A12E5-2DFE-40D7-BD07-4F8CB3981E76}"/>
              </a:ext>
            </a:extLst>
          </p:cNvPr>
          <p:cNvSpPr>
            <a:spLocks noGrp="1"/>
          </p:cNvSpPr>
          <p:nvPr>
            <p:ph sz="quarter" idx="19" hasCustomPrompt="1"/>
          </p:nvPr>
        </p:nvSpPr>
        <p:spPr>
          <a:xfrm>
            <a:off x="9569570" y="4544738"/>
            <a:ext cx="1042520" cy="1008570"/>
          </a:xfrm>
          <a:prstGeom prst="rect">
            <a:avLst/>
          </a:prstGeom>
        </p:spPr>
        <p:txBody>
          <a:bodyPr anchor="t"/>
          <a:lstStyle>
            <a:lvl1pPr marL="0" indent="0" algn="ctr">
              <a:buNone/>
              <a:defRPr sz="1000"/>
            </a:lvl1pPr>
          </a:lstStyle>
          <a:p>
            <a:pPr lvl="0"/>
            <a:r>
              <a:rPr lang="fr-FR" dirty="0"/>
              <a:t>Drag &amp; Drop</a:t>
            </a:r>
          </a:p>
        </p:txBody>
      </p:sp>
    </p:spTree>
    <p:extLst>
      <p:ext uri="{BB962C8B-B14F-4D97-AF65-F5344CB8AC3E}">
        <p14:creationId xmlns:p14="http://schemas.microsoft.com/office/powerpoint/2010/main" val="77143339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8 logos Slide">
    <p:spTree>
      <p:nvGrpSpPr>
        <p:cNvPr id="1" name=""/>
        <p:cNvGrpSpPr/>
        <p:nvPr/>
      </p:nvGrpSpPr>
      <p:grpSpPr>
        <a:xfrm>
          <a:off x="0" y="0"/>
          <a:ext cx="0" cy="0"/>
          <a:chOff x="0" y="0"/>
          <a:chExt cx="0" cy="0"/>
        </a:xfrm>
      </p:grpSpPr>
      <p:sp>
        <p:nvSpPr>
          <p:cNvPr id="13" name="Espace réservé du contenu 12">
            <a:extLst>
              <a:ext uri="{FF2B5EF4-FFF2-40B4-BE49-F238E27FC236}">
                <a16:creationId xmlns:a16="http://schemas.microsoft.com/office/drawing/2014/main" id="{0FA82258-8070-4B7B-B7C6-919C1BFAD958}"/>
              </a:ext>
            </a:extLst>
          </p:cNvPr>
          <p:cNvSpPr>
            <a:spLocks noGrp="1"/>
          </p:cNvSpPr>
          <p:nvPr>
            <p:ph sz="quarter" idx="10" hasCustomPrompt="1"/>
          </p:nvPr>
        </p:nvSpPr>
        <p:spPr>
          <a:xfrm>
            <a:off x="1492839" y="2198579"/>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0" name="Espace réservé du contenu 12">
            <a:extLst>
              <a:ext uri="{FF2B5EF4-FFF2-40B4-BE49-F238E27FC236}">
                <a16:creationId xmlns:a16="http://schemas.microsoft.com/office/drawing/2014/main" id="{B070F49F-DF60-4723-A91C-5C1E12D58613}"/>
              </a:ext>
            </a:extLst>
          </p:cNvPr>
          <p:cNvSpPr>
            <a:spLocks noGrp="1"/>
          </p:cNvSpPr>
          <p:nvPr>
            <p:ph sz="quarter" idx="11" hasCustomPrompt="1"/>
          </p:nvPr>
        </p:nvSpPr>
        <p:spPr>
          <a:xfrm>
            <a:off x="3178922" y="2198579"/>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1" name="Espace réservé du contenu 12">
            <a:extLst>
              <a:ext uri="{FF2B5EF4-FFF2-40B4-BE49-F238E27FC236}">
                <a16:creationId xmlns:a16="http://schemas.microsoft.com/office/drawing/2014/main" id="{1A46C95E-26CD-45AD-BB72-B430933BACC5}"/>
              </a:ext>
            </a:extLst>
          </p:cNvPr>
          <p:cNvSpPr>
            <a:spLocks noGrp="1"/>
          </p:cNvSpPr>
          <p:nvPr>
            <p:ph sz="quarter" idx="12" hasCustomPrompt="1"/>
          </p:nvPr>
        </p:nvSpPr>
        <p:spPr>
          <a:xfrm>
            <a:off x="4865005" y="2198579"/>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2" name="Espace réservé du contenu 12">
            <a:extLst>
              <a:ext uri="{FF2B5EF4-FFF2-40B4-BE49-F238E27FC236}">
                <a16:creationId xmlns:a16="http://schemas.microsoft.com/office/drawing/2014/main" id="{7C59A534-42C3-4A87-94C8-B2FBBAFC4BF6}"/>
              </a:ext>
            </a:extLst>
          </p:cNvPr>
          <p:cNvSpPr>
            <a:spLocks noGrp="1"/>
          </p:cNvSpPr>
          <p:nvPr>
            <p:ph sz="quarter" idx="13" hasCustomPrompt="1"/>
          </p:nvPr>
        </p:nvSpPr>
        <p:spPr>
          <a:xfrm>
            <a:off x="6551088" y="2198579"/>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3" name="Espace réservé du contenu 12">
            <a:extLst>
              <a:ext uri="{FF2B5EF4-FFF2-40B4-BE49-F238E27FC236}">
                <a16:creationId xmlns:a16="http://schemas.microsoft.com/office/drawing/2014/main" id="{4BB3DF69-45D4-47B3-BA99-BA35B5100C33}"/>
              </a:ext>
            </a:extLst>
          </p:cNvPr>
          <p:cNvSpPr>
            <a:spLocks noGrp="1"/>
          </p:cNvSpPr>
          <p:nvPr>
            <p:ph sz="quarter" idx="14" hasCustomPrompt="1"/>
          </p:nvPr>
        </p:nvSpPr>
        <p:spPr>
          <a:xfrm>
            <a:off x="8237171" y="2198579"/>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4" name="Espace réservé du contenu 12">
            <a:extLst>
              <a:ext uri="{FF2B5EF4-FFF2-40B4-BE49-F238E27FC236}">
                <a16:creationId xmlns:a16="http://schemas.microsoft.com/office/drawing/2014/main" id="{F2BAFCF9-6ACE-4E11-8AC5-705BA7DCE73A}"/>
              </a:ext>
            </a:extLst>
          </p:cNvPr>
          <p:cNvSpPr>
            <a:spLocks noGrp="1"/>
          </p:cNvSpPr>
          <p:nvPr>
            <p:ph sz="quarter" idx="15" hasCustomPrompt="1"/>
          </p:nvPr>
        </p:nvSpPr>
        <p:spPr>
          <a:xfrm>
            <a:off x="9923253" y="2198579"/>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5" name="Espace réservé du contenu 12">
            <a:extLst>
              <a:ext uri="{FF2B5EF4-FFF2-40B4-BE49-F238E27FC236}">
                <a16:creationId xmlns:a16="http://schemas.microsoft.com/office/drawing/2014/main" id="{9F748970-5446-41ED-9626-54FA09FD9DA4}"/>
              </a:ext>
            </a:extLst>
          </p:cNvPr>
          <p:cNvSpPr>
            <a:spLocks noGrp="1"/>
          </p:cNvSpPr>
          <p:nvPr>
            <p:ph sz="quarter" idx="16" hasCustomPrompt="1"/>
          </p:nvPr>
        </p:nvSpPr>
        <p:spPr>
          <a:xfrm>
            <a:off x="1492839" y="3695501"/>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6" name="Espace réservé du contenu 12">
            <a:extLst>
              <a:ext uri="{FF2B5EF4-FFF2-40B4-BE49-F238E27FC236}">
                <a16:creationId xmlns:a16="http://schemas.microsoft.com/office/drawing/2014/main" id="{658FDE67-743F-4741-AD12-5E89EB8B5203}"/>
              </a:ext>
            </a:extLst>
          </p:cNvPr>
          <p:cNvSpPr>
            <a:spLocks noGrp="1"/>
          </p:cNvSpPr>
          <p:nvPr>
            <p:ph sz="quarter" idx="17" hasCustomPrompt="1"/>
          </p:nvPr>
        </p:nvSpPr>
        <p:spPr>
          <a:xfrm>
            <a:off x="3178922" y="3695501"/>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7" name="Espace réservé du contenu 12">
            <a:extLst>
              <a:ext uri="{FF2B5EF4-FFF2-40B4-BE49-F238E27FC236}">
                <a16:creationId xmlns:a16="http://schemas.microsoft.com/office/drawing/2014/main" id="{3B72979C-C29D-4B32-BD44-7102EF391ECA}"/>
              </a:ext>
            </a:extLst>
          </p:cNvPr>
          <p:cNvSpPr>
            <a:spLocks noGrp="1"/>
          </p:cNvSpPr>
          <p:nvPr>
            <p:ph sz="quarter" idx="18" hasCustomPrompt="1"/>
          </p:nvPr>
        </p:nvSpPr>
        <p:spPr>
          <a:xfrm>
            <a:off x="4865005" y="3695501"/>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8" name="Espace réservé du contenu 12">
            <a:extLst>
              <a:ext uri="{FF2B5EF4-FFF2-40B4-BE49-F238E27FC236}">
                <a16:creationId xmlns:a16="http://schemas.microsoft.com/office/drawing/2014/main" id="{E26C070C-BBAD-4319-94CD-E920FBB48BBC}"/>
              </a:ext>
            </a:extLst>
          </p:cNvPr>
          <p:cNvSpPr>
            <a:spLocks noGrp="1"/>
          </p:cNvSpPr>
          <p:nvPr>
            <p:ph sz="quarter" idx="19" hasCustomPrompt="1"/>
          </p:nvPr>
        </p:nvSpPr>
        <p:spPr>
          <a:xfrm>
            <a:off x="6551088" y="3695501"/>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49" name="Espace réservé du contenu 12">
            <a:extLst>
              <a:ext uri="{FF2B5EF4-FFF2-40B4-BE49-F238E27FC236}">
                <a16:creationId xmlns:a16="http://schemas.microsoft.com/office/drawing/2014/main" id="{72D6E8D4-073F-4B82-807C-3DDAA7A1891C}"/>
              </a:ext>
            </a:extLst>
          </p:cNvPr>
          <p:cNvSpPr>
            <a:spLocks noGrp="1"/>
          </p:cNvSpPr>
          <p:nvPr>
            <p:ph sz="quarter" idx="20" hasCustomPrompt="1"/>
          </p:nvPr>
        </p:nvSpPr>
        <p:spPr>
          <a:xfrm>
            <a:off x="8237171" y="3695501"/>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50" name="Espace réservé du contenu 12">
            <a:extLst>
              <a:ext uri="{FF2B5EF4-FFF2-40B4-BE49-F238E27FC236}">
                <a16:creationId xmlns:a16="http://schemas.microsoft.com/office/drawing/2014/main" id="{D7188408-3746-4E2D-AC24-5C968B45D951}"/>
              </a:ext>
            </a:extLst>
          </p:cNvPr>
          <p:cNvSpPr>
            <a:spLocks noGrp="1"/>
          </p:cNvSpPr>
          <p:nvPr>
            <p:ph sz="quarter" idx="21" hasCustomPrompt="1"/>
          </p:nvPr>
        </p:nvSpPr>
        <p:spPr>
          <a:xfrm>
            <a:off x="9923253" y="3695501"/>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51" name="Espace réservé du contenu 12">
            <a:extLst>
              <a:ext uri="{FF2B5EF4-FFF2-40B4-BE49-F238E27FC236}">
                <a16:creationId xmlns:a16="http://schemas.microsoft.com/office/drawing/2014/main" id="{5B127143-F73B-447F-8E18-A821163DB15F}"/>
              </a:ext>
            </a:extLst>
          </p:cNvPr>
          <p:cNvSpPr>
            <a:spLocks noGrp="1"/>
          </p:cNvSpPr>
          <p:nvPr>
            <p:ph sz="quarter" idx="22" hasCustomPrompt="1"/>
          </p:nvPr>
        </p:nvSpPr>
        <p:spPr>
          <a:xfrm>
            <a:off x="1492839" y="5196497"/>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52" name="Espace réservé du contenu 12">
            <a:extLst>
              <a:ext uri="{FF2B5EF4-FFF2-40B4-BE49-F238E27FC236}">
                <a16:creationId xmlns:a16="http://schemas.microsoft.com/office/drawing/2014/main" id="{48201BCB-09BC-40A6-88E5-745ABA04D146}"/>
              </a:ext>
            </a:extLst>
          </p:cNvPr>
          <p:cNvSpPr>
            <a:spLocks noGrp="1"/>
          </p:cNvSpPr>
          <p:nvPr>
            <p:ph sz="quarter" idx="23" hasCustomPrompt="1"/>
          </p:nvPr>
        </p:nvSpPr>
        <p:spPr>
          <a:xfrm>
            <a:off x="3178922" y="5196497"/>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53" name="Espace réservé du contenu 12">
            <a:extLst>
              <a:ext uri="{FF2B5EF4-FFF2-40B4-BE49-F238E27FC236}">
                <a16:creationId xmlns:a16="http://schemas.microsoft.com/office/drawing/2014/main" id="{6CDF4116-C12D-409A-BD45-FCE9C3710FED}"/>
              </a:ext>
            </a:extLst>
          </p:cNvPr>
          <p:cNvSpPr>
            <a:spLocks noGrp="1"/>
          </p:cNvSpPr>
          <p:nvPr>
            <p:ph sz="quarter" idx="24" hasCustomPrompt="1"/>
          </p:nvPr>
        </p:nvSpPr>
        <p:spPr>
          <a:xfrm>
            <a:off x="4865005" y="5196497"/>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54" name="Espace réservé du contenu 12">
            <a:extLst>
              <a:ext uri="{FF2B5EF4-FFF2-40B4-BE49-F238E27FC236}">
                <a16:creationId xmlns:a16="http://schemas.microsoft.com/office/drawing/2014/main" id="{877E41ED-FA1D-4BD6-804A-2AE2A0E32216}"/>
              </a:ext>
            </a:extLst>
          </p:cNvPr>
          <p:cNvSpPr>
            <a:spLocks noGrp="1"/>
          </p:cNvSpPr>
          <p:nvPr>
            <p:ph sz="quarter" idx="25" hasCustomPrompt="1"/>
          </p:nvPr>
        </p:nvSpPr>
        <p:spPr>
          <a:xfrm>
            <a:off x="6551088" y="5196497"/>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55" name="Espace réservé du contenu 12">
            <a:extLst>
              <a:ext uri="{FF2B5EF4-FFF2-40B4-BE49-F238E27FC236}">
                <a16:creationId xmlns:a16="http://schemas.microsoft.com/office/drawing/2014/main" id="{A9609212-EAF9-4B4F-A5BF-6F7698F74590}"/>
              </a:ext>
            </a:extLst>
          </p:cNvPr>
          <p:cNvSpPr>
            <a:spLocks noGrp="1"/>
          </p:cNvSpPr>
          <p:nvPr>
            <p:ph sz="quarter" idx="26" hasCustomPrompt="1"/>
          </p:nvPr>
        </p:nvSpPr>
        <p:spPr>
          <a:xfrm>
            <a:off x="8237171" y="5196497"/>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
        <p:nvSpPr>
          <p:cNvPr id="56" name="Espace réservé du contenu 12">
            <a:extLst>
              <a:ext uri="{FF2B5EF4-FFF2-40B4-BE49-F238E27FC236}">
                <a16:creationId xmlns:a16="http://schemas.microsoft.com/office/drawing/2014/main" id="{3AC5948D-29D8-4F6E-B17F-0441995C2C3F}"/>
              </a:ext>
            </a:extLst>
          </p:cNvPr>
          <p:cNvSpPr>
            <a:spLocks noGrp="1"/>
          </p:cNvSpPr>
          <p:nvPr>
            <p:ph sz="quarter" idx="27" hasCustomPrompt="1"/>
          </p:nvPr>
        </p:nvSpPr>
        <p:spPr>
          <a:xfrm>
            <a:off x="9923253" y="5196497"/>
            <a:ext cx="775908" cy="754686"/>
          </a:xfrm>
          <a:prstGeom prst="rect">
            <a:avLst/>
          </a:prstGeom>
        </p:spPr>
        <p:txBody>
          <a:bodyPr anchor="t"/>
          <a:lstStyle>
            <a:lvl1pPr marL="0" indent="0" algn="ctr">
              <a:buNone/>
              <a:defRPr sz="800"/>
            </a:lvl1pPr>
          </a:lstStyle>
          <a:p>
            <a:pPr lvl="0"/>
            <a:r>
              <a:rPr lang="fr-FR" dirty="0"/>
              <a:t>Drag &amp; Drop</a:t>
            </a:r>
            <a:endParaRPr lang="en-US" dirty="0"/>
          </a:p>
        </p:txBody>
      </p:sp>
    </p:spTree>
    <p:extLst>
      <p:ext uri="{BB962C8B-B14F-4D97-AF65-F5344CB8AC3E}">
        <p14:creationId xmlns:p14="http://schemas.microsoft.com/office/powerpoint/2010/main" val="2057468902"/>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Chapter 1">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BA04EA87-5121-4DFC-BCCF-E229FBB46187}"/>
              </a:ext>
            </a:extLst>
          </p:cNvPr>
          <p:cNvSpPr>
            <a:spLocks noGrp="1"/>
          </p:cNvSpPr>
          <p:nvPr>
            <p:ph type="pic" sz="quarter" idx="10" hasCustomPrompt="1"/>
          </p:nvPr>
        </p:nvSpPr>
        <p:spPr>
          <a:xfrm>
            <a:off x="7535119" y="1105236"/>
            <a:ext cx="3903672" cy="4647530"/>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2798940141"/>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Chapter 1.1">
    <p:spTree>
      <p:nvGrpSpPr>
        <p:cNvPr id="1" name=""/>
        <p:cNvGrpSpPr/>
        <p:nvPr/>
      </p:nvGrpSpPr>
      <p:grpSpPr>
        <a:xfrm>
          <a:off x="0" y="0"/>
          <a:ext cx="0" cy="0"/>
          <a:chOff x="0" y="0"/>
          <a:chExt cx="0" cy="0"/>
        </a:xfrm>
      </p:grpSpPr>
      <p:sp>
        <p:nvSpPr>
          <p:cNvPr id="6" name="Picture Placeholder 10">
            <a:extLst>
              <a:ext uri="{FF2B5EF4-FFF2-40B4-BE49-F238E27FC236}">
                <a16:creationId xmlns:a16="http://schemas.microsoft.com/office/drawing/2014/main" id="{167E6FD1-1BAF-4D06-862F-B9B72EC0F7BC}"/>
              </a:ext>
            </a:extLst>
          </p:cNvPr>
          <p:cNvSpPr>
            <a:spLocks noGrp="1"/>
          </p:cNvSpPr>
          <p:nvPr>
            <p:ph type="pic" sz="quarter" idx="10" hasCustomPrompt="1"/>
          </p:nvPr>
        </p:nvSpPr>
        <p:spPr>
          <a:xfrm>
            <a:off x="6672263" y="800099"/>
            <a:ext cx="4752975" cy="5257801"/>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949194353"/>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Menu">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4FB3DE57-AFE9-4820-B949-FA693C6FFFB1}"/>
              </a:ext>
            </a:extLst>
          </p:cNvPr>
          <p:cNvSpPr>
            <a:spLocks noGrp="1"/>
          </p:cNvSpPr>
          <p:nvPr>
            <p:ph type="pic" sz="quarter" idx="10" hasCustomPrompt="1"/>
          </p:nvPr>
        </p:nvSpPr>
        <p:spPr>
          <a:xfrm>
            <a:off x="5316538" y="805814"/>
            <a:ext cx="6875462" cy="5246372"/>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384245392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Menu 2">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4FB3DE57-AFE9-4820-B949-FA693C6FFFB1}"/>
              </a:ext>
            </a:extLst>
          </p:cNvPr>
          <p:cNvSpPr>
            <a:spLocks noGrp="1"/>
          </p:cNvSpPr>
          <p:nvPr>
            <p:ph type="pic" sz="quarter" idx="10" hasCustomPrompt="1"/>
          </p:nvPr>
        </p:nvSpPr>
        <p:spPr>
          <a:xfrm>
            <a:off x="3048000" y="3428999"/>
            <a:ext cx="9144000" cy="3428999"/>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2112284166"/>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Porfolio 1">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4FB3DE57-AFE9-4820-B949-FA693C6FFFB1}"/>
              </a:ext>
            </a:extLst>
          </p:cNvPr>
          <p:cNvSpPr>
            <a:spLocks noGrp="1"/>
          </p:cNvSpPr>
          <p:nvPr>
            <p:ph type="pic" sz="quarter" idx="10" hasCustomPrompt="1"/>
          </p:nvPr>
        </p:nvSpPr>
        <p:spPr>
          <a:xfrm>
            <a:off x="1083310" y="2034858"/>
            <a:ext cx="4835350" cy="2086864"/>
          </a:xfrm>
          <a:prstGeom prst="rect">
            <a:avLst/>
          </a:prstGeom>
          <a:solidFill>
            <a:schemeClr val="tx1"/>
          </a:solidFill>
        </p:spPr>
        <p:txBody>
          <a:bodyPr tIns="288000" bIns="2484000">
            <a:noAutofit/>
          </a:bodyPr>
          <a:lstStyle>
            <a:lvl1pPr marL="0" indent="0" algn="ctr">
              <a:buNone/>
              <a:defRPr sz="1800" b="1">
                <a:solidFill>
                  <a:schemeClr val="accent1"/>
                </a:solidFill>
              </a:defRPr>
            </a:lvl1pPr>
          </a:lstStyle>
          <a:p>
            <a:r>
              <a:rPr lang="fr-FR" dirty="0"/>
              <a:t>	</a:t>
            </a:r>
          </a:p>
          <a:p>
            <a:r>
              <a:rPr lang="fr-FR" dirty="0"/>
              <a:t>Picture</a:t>
            </a:r>
          </a:p>
        </p:txBody>
      </p:sp>
      <p:sp>
        <p:nvSpPr>
          <p:cNvPr id="24" name="Picture Placeholder 10">
            <a:extLst>
              <a:ext uri="{FF2B5EF4-FFF2-40B4-BE49-F238E27FC236}">
                <a16:creationId xmlns:a16="http://schemas.microsoft.com/office/drawing/2014/main" id="{1DE33140-D326-4494-8DB4-ACF90E3C8600}"/>
              </a:ext>
            </a:extLst>
          </p:cNvPr>
          <p:cNvSpPr>
            <a:spLocks noGrp="1"/>
          </p:cNvSpPr>
          <p:nvPr>
            <p:ph type="pic" sz="quarter" idx="11" hasCustomPrompt="1"/>
          </p:nvPr>
        </p:nvSpPr>
        <p:spPr>
          <a:xfrm>
            <a:off x="6263180" y="2034858"/>
            <a:ext cx="4845510" cy="2086864"/>
          </a:xfrm>
          <a:prstGeom prst="rect">
            <a:avLst/>
          </a:prstGeom>
          <a:solidFill>
            <a:schemeClr val="tx1"/>
          </a:solidFill>
        </p:spPr>
        <p:txBody>
          <a:bodyPr tIns="288000" bIns="2484000">
            <a:noAutofit/>
          </a:bodyPr>
          <a:lstStyle>
            <a:lvl1pPr marL="0" indent="0" algn="ctr" rtl="0">
              <a:buNone/>
              <a:defRPr sz="1800" b="1">
                <a:solidFill>
                  <a:schemeClr val="accent1"/>
                </a:solidFill>
              </a:defRPr>
            </a:lvl1pPr>
          </a:lstStyle>
          <a:p>
            <a:r>
              <a:rPr lang="fr-FR" dirty="0"/>
              <a:t>	</a:t>
            </a:r>
          </a:p>
          <a:p>
            <a:r>
              <a:rPr lang="fr-FR" dirty="0"/>
              <a:t>Picture</a:t>
            </a:r>
          </a:p>
        </p:txBody>
      </p:sp>
      <p:sp>
        <p:nvSpPr>
          <p:cNvPr id="25" name="Picture Placeholder 10">
            <a:extLst>
              <a:ext uri="{FF2B5EF4-FFF2-40B4-BE49-F238E27FC236}">
                <a16:creationId xmlns:a16="http://schemas.microsoft.com/office/drawing/2014/main" id="{72C13F67-F61E-47C3-A6D3-99FD3E040E6B}"/>
              </a:ext>
            </a:extLst>
          </p:cNvPr>
          <p:cNvSpPr>
            <a:spLocks noGrp="1"/>
          </p:cNvSpPr>
          <p:nvPr>
            <p:ph type="pic" sz="quarter" idx="12" hasCustomPrompt="1"/>
          </p:nvPr>
        </p:nvSpPr>
        <p:spPr>
          <a:xfrm>
            <a:off x="6263180" y="4462667"/>
            <a:ext cx="4845510" cy="2086864"/>
          </a:xfrm>
          <a:prstGeom prst="rect">
            <a:avLst/>
          </a:prstGeom>
          <a:solidFill>
            <a:schemeClr val="tx1"/>
          </a:solidFill>
        </p:spPr>
        <p:txBody>
          <a:bodyPr tIns="288000" bIns="2484000">
            <a:noAutofit/>
          </a:bodyPr>
          <a:lstStyle>
            <a:lvl1pPr marL="0" indent="0" algn="ctr" rtl="0">
              <a:buNone/>
              <a:defRPr sz="1800" b="1">
                <a:solidFill>
                  <a:schemeClr val="accent1"/>
                </a:solidFill>
              </a:defRPr>
            </a:lvl1pPr>
          </a:lstStyle>
          <a:p>
            <a:r>
              <a:rPr lang="fr-FR" dirty="0"/>
              <a:t>	</a:t>
            </a:r>
          </a:p>
          <a:p>
            <a:r>
              <a:rPr lang="fr-FR" dirty="0"/>
              <a:t>Picture</a:t>
            </a:r>
          </a:p>
        </p:txBody>
      </p:sp>
      <p:sp>
        <p:nvSpPr>
          <p:cNvPr id="26" name="Picture Placeholder 10">
            <a:extLst>
              <a:ext uri="{FF2B5EF4-FFF2-40B4-BE49-F238E27FC236}">
                <a16:creationId xmlns:a16="http://schemas.microsoft.com/office/drawing/2014/main" id="{EF5DE429-D884-40C9-B0F5-6FA66002752C}"/>
              </a:ext>
            </a:extLst>
          </p:cNvPr>
          <p:cNvSpPr>
            <a:spLocks noGrp="1"/>
          </p:cNvSpPr>
          <p:nvPr>
            <p:ph type="pic" sz="quarter" idx="13" hasCustomPrompt="1"/>
          </p:nvPr>
        </p:nvSpPr>
        <p:spPr>
          <a:xfrm>
            <a:off x="1083310" y="4462667"/>
            <a:ext cx="4835350" cy="2086864"/>
          </a:xfrm>
          <a:prstGeom prst="rect">
            <a:avLst/>
          </a:prstGeom>
          <a:solidFill>
            <a:schemeClr val="tx1"/>
          </a:solidFill>
        </p:spPr>
        <p:txBody>
          <a:bodyPr tIns="288000" bIns="2484000">
            <a:noAutofit/>
          </a:bodyPr>
          <a:lstStyle>
            <a:lvl1pPr marL="0" indent="0" algn="ctr" rtl="0">
              <a:buNone/>
              <a:defRPr sz="1800" b="1">
                <a:solidFill>
                  <a:schemeClr val="accent1"/>
                </a:solidFill>
              </a:defRPr>
            </a:lvl1pPr>
          </a:lstStyle>
          <a:p>
            <a:r>
              <a:rPr lang="fr-FR" dirty="0"/>
              <a:t>	</a:t>
            </a:r>
          </a:p>
          <a:p>
            <a:r>
              <a:rPr lang="fr-FR" dirty="0"/>
              <a:t>Picture</a:t>
            </a:r>
          </a:p>
        </p:txBody>
      </p:sp>
      <p:sp>
        <p:nvSpPr>
          <p:cNvPr id="9" name="Espace réservé du texte 2">
            <a:extLst>
              <a:ext uri="{FF2B5EF4-FFF2-40B4-BE49-F238E27FC236}">
                <a16:creationId xmlns:a16="http://schemas.microsoft.com/office/drawing/2014/main" id="{53E28430-BF0E-4EB2-8CF6-514BFB60BE52}"/>
              </a:ext>
            </a:extLst>
          </p:cNvPr>
          <p:cNvSpPr>
            <a:spLocks noGrp="1"/>
          </p:cNvSpPr>
          <p:nvPr>
            <p:ph type="body" sz="quarter" idx="20" hasCustomPrompt="1"/>
          </p:nvPr>
        </p:nvSpPr>
        <p:spPr>
          <a:xfrm>
            <a:off x="1083310" y="3154934"/>
            <a:ext cx="4835350"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0" tIns="45720" rIns="91440" bIns="252000" numCol="1" spcCol="0" rtlCol="0" fromWordArt="0" anchor="b" anchorCtr="0" forceAA="0" compatLnSpc="1">
            <a:prstTxWarp prst="textNoShape">
              <a:avLst/>
            </a:prstTxWarp>
            <a:noAutofit/>
          </a:bodyPr>
          <a:lstStyle>
            <a:lvl1pPr marL="0" indent="0">
              <a:buNone/>
              <a:defRPr kumimoji="0" lang="en-US" sz="16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10" name="Espace réservé du texte 2">
            <a:extLst>
              <a:ext uri="{FF2B5EF4-FFF2-40B4-BE49-F238E27FC236}">
                <a16:creationId xmlns:a16="http://schemas.microsoft.com/office/drawing/2014/main" id="{4CC977C2-23FC-446F-AF25-B21729685F1E}"/>
              </a:ext>
            </a:extLst>
          </p:cNvPr>
          <p:cNvSpPr>
            <a:spLocks noGrp="1"/>
          </p:cNvSpPr>
          <p:nvPr>
            <p:ph type="body" sz="quarter" idx="21" hasCustomPrompt="1"/>
          </p:nvPr>
        </p:nvSpPr>
        <p:spPr>
          <a:xfrm>
            <a:off x="1083310" y="3541587"/>
            <a:ext cx="53323" cy="395224"/>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11" name="Espace réservé du texte 2">
            <a:extLst>
              <a:ext uri="{FF2B5EF4-FFF2-40B4-BE49-F238E27FC236}">
                <a16:creationId xmlns:a16="http://schemas.microsoft.com/office/drawing/2014/main" id="{763291BD-1B23-4F4E-A28B-D5B20078DDFD}"/>
              </a:ext>
            </a:extLst>
          </p:cNvPr>
          <p:cNvSpPr>
            <a:spLocks noGrp="1"/>
          </p:cNvSpPr>
          <p:nvPr>
            <p:ph type="body" sz="quarter" idx="22" hasCustomPrompt="1"/>
          </p:nvPr>
        </p:nvSpPr>
        <p:spPr>
          <a:xfrm>
            <a:off x="6263180" y="3154934"/>
            <a:ext cx="4835350"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0" tIns="45720" rIns="91440" bIns="252000" numCol="1" spcCol="0" rtlCol="0" fromWordArt="0" anchor="b" anchorCtr="0" forceAA="0" compatLnSpc="1">
            <a:prstTxWarp prst="textNoShape">
              <a:avLst/>
            </a:prstTxWarp>
            <a:noAutofit/>
          </a:bodyPr>
          <a:lstStyle>
            <a:lvl1pPr marL="0" indent="0">
              <a:buNone/>
              <a:defRPr kumimoji="0" lang="en-US" sz="16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12" name="Espace réservé du texte 2">
            <a:extLst>
              <a:ext uri="{FF2B5EF4-FFF2-40B4-BE49-F238E27FC236}">
                <a16:creationId xmlns:a16="http://schemas.microsoft.com/office/drawing/2014/main" id="{32E3775C-73B3-46F8-8D0B-C26A2FB24C58}"/>
              </a:ext>
            </a:extLst>
          </p:cNvPr>
          <p:cNvSpPr>
            <a:spLocks noGrp="1"/>
          </p:cNvSpPr>
          <p:nvPr>
            <p:ph type="body" sz="quarter" idx="23" hasCustomPrompt="1"/>
          </p:nvPr>
        </p:nvSpPr>
        <p:spPr>
          <a:xfrm>
            <a:off x="6263180" y="3541587"/>
            <a:ext cx="53323" cy="395224"/>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13" name="Espace réservé du texte 2">
            <a:extLst>
              <a:ext uri="{FF2B5EF4-FFF2-40B4-BE49-F238E27FC236}">
                <a16:creationId xmlns:a16="http://schemas.microsoft.com/office/drawing/2014/main" id="{130B80C7-1AF7-412E-AEEA-2B26FC4163CF}"/>
              </a:ext>
            </a:extLst>
          </p:cNvPr>
          <p:cNvSpPr>
            <a:spLocks noGrp="1"/>
          </p:cNvSpPr>
          <p:nvPr>
            <p:ph type="body" sz="quarter" idx="24" hasCustomPrompt="1"/>
          </p:nvPr>
        </p:nvSpPr>
        <p:spPr>
          <a:xfrm>
            <a:off x="1083310" y="5582743"/>
            <a:ext cx="4835350"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0" tIns="45720" rIns="91440" bIns="252000" numCol="1" spcCol="0" rtlCol="0" fromWordArt="0" anchor="b" anchorCtr="0" forceAA="0" compatLnSpc="1">
            <a:prstTxWarp prst="textNoShape">
              <a:avLst/>
            </a:prstTxWarp>
            <a:noAutofit/>
          </a:bodyPr>
          <a:lstStyle>
            <a:lvl1pPr marL="0" indent="0">
              <a:buNone/>
              <a:defRPr kumimoji="0" lang="en-US" sz="16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14" name="Espace réservé du texte 2">
            <a:extLst>
              <a:ext uri="{FF2B5EF4-FFF2-40B4-BE49-F238E27FC236}">
                <a16:creationId xmlns:a16="http://schemas.microsoft.com/office/drawing/2014/main" id="{45A66AAF-512E-407E-AE51-F6DF878A3489}"/>
              </a:ext>
            </a:extLst>
          </p:cNvPr>
          <p:cNvSpPr>
            <a:spLocks noGrp="1"/>
          </p:cNvSpPr>
          <p:nvPr>
            <p:ph type="body" sz="quarter" idx="25" hasCustomPrompt="1"/>
          </p:nvPr>
        </p:nvSpPr>
        <p:spPr>
          <a:xfrm>
            <a:off x="1083310" y="5969396"/>
            <a:ext cx="53323" cy="395224"/>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15" name="Espace réservé du texte 2">
            <a:extLst>
              <a:ext uri="{FF2B5EF4-FFF2-40B4-BE49-F238E27FC236}">
                <a16:creationId xmlns:a16="http://schemas.microsoft.com/office/drawing/2014/main" id="{B1AB9A89-FC73-4026-9488-2029870505CB}"/>
              </a:ext>
            </a:extLst>
          </p:cNvPr>
          <p:cNvSpPr>
            <a:spLocks noGrp="1"/>
          </p:cNvSpPr>
          <p:nvPr>
            <p:ph type="body" sz="quarter" idx="26" hasCustomPrompt="1"/>
          </p:nvPr>
        </p:nvSpPr>
        <p:spPr>
          <a:xfrm>
            <a:off x="6263180" y="5582743"/>
            <a:ext cx="4835350"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0" tIns="45720" rIns="91440" bIns="252000" numCol="1" spcCol="0" rtlCol="0" fromWordArt="0" anchor="b" anchorCtr="0" forceAA="0" compatLnSpc="1">
            <a:prstTxWarp prst="textNoShape">
              <a:avLst/>
            </a:prstTxWarp>
            <a:noAutofit/>
          </a:bodyPr>
          <a:lstStyle>
            <a:lvl1pPr marL="0" indent="0">
              <a:buNone/>
              <a:defRPr kumimoji="0" lang="en-US" sz="16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16" name="Espace réservé du texte 2">
            <a:extLst>
              <a:ext uri="{FF2B5EF4-FFF2-40B4-BE49-F238E27FC236}">
                <a16:creationId xmlns:a16="http://schemas.microsoft.com/office/drawing/2014/main" id="{77ACB13C-2706-413C-927A-1CB63BB15501}"/>
              </a:ext>
            </a:extLst>
          </p:cNvPr>
          <p:cNvSpPr>
            <a:spLocks noGrp="1"/>
          </p:cNvSpPr>
          <p:nvPr>
            <p:ph type="body" sz="quarter" idx="27" hasCustomPrompt="1"/>
          </p:nvPr>
        </p:nvSpPr>
        <p:spPr>
          <a:xfrm>
            <a:off x="6263180" y="5969396"/>
            <a:ext cx="53323" cy="395224"/>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Tree>
    <p:extLst>
      <p:ext uri="{BB962C8B-B14F-4D97-AF65-F5344CB8AC3E}">
        <p14:creationId xmlns:p14="http://schemas.microsoft.com/office/powerpoint/2010/main" val="891695681"/>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Portfolio 2">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4FB3DE57-AFE9-4820-B949-FA693C6FFFB1}"/>
              </a:ext>
            </a:extLst>
          </p:cNvPr>
          <p:cNvSpPr>
            <a:spLocks noGrp="1"/>
          </p:cNvSpPr>
          <p:nvPr>
            <p:ph type="pic" sz="quarter" idx="10" hasCustomPrompt="1"/>
          </p:nvPr>
        </p:nvSpPr>
        <p:spPr>
          <a:xfrm>
            <a:off x="325120" y="2092914"/>
            <a:ext cx="2113280" cy="2086864"/>
          </a:xfrm>
          <a:prstGeom prst="rect">
            <a:avLst/>
          </a:prstGeom>
          <a:solidFill>
            <a:schemeClr val="tx1"/>
          </a:solidFill>
        </p:spPr>
        <p:txBody>
          <a:bodyPr lIns="0" tIns="0" rIns="0" bIns="648000">
            <a:normAutofit/>
          </a:bodyPr>
          <a:lstStyle>
            <a:lvl1pPr marL="0" indent="0" algn="ctr">
              <a:buNone/>
              <a:defRPr sz="1800" b="1">
                <a:solidFill>
                  <a:schemeClr val="accent1"/>
                </a:solidFill>
              </a:defRPr>
            </a:lvl1pPr>
          </a:lstStyle>
          <a:p>
            <a:r>
              <a:rPr lang="fr-FR" dirty="0"/>
              <a:t>	</a:t>
            </a:r>
          </a:p>
          <a:p>
            <a:r>
              <a:rPr lang="fr-FR" dirty="0"/>
              <a:t>Picture</a:t>
            </a:r>
          </a:p>
        </p:txBody>
      </p:sp>
      <p:sp>
        <p:nvSpPr>
          <p:cNvPr id="35" name="Picture Placeholder 10">
            <a:extLst>
              <a:ext uri="{FF2B5EF4-FFF2-40B4-BE49-F238E27FC236}">
                <a16:creationId xmlns:a16="http://schemas.microsoft.com/office/drawing/2014/main" id="{ADDFEC20-88DE-440E-8C22-D2A2B237932C}"/>
              </a:ext>
            </a:extLst>
          </p:cNvPr>
          <p:cNvSpPr>
            <a:spLocks noGrp="1"/>
          </p:cNvSpPr>
          <p:nvPr>
            <p:ph type="pic" sz="quarter" idx="11" hasCustomPrompt="1"/>
          </p:nvPr>
        </p:nvSpPr>
        <p:spPr>
          <a:xfrm>
            <a:off x="2682240" y="2092914"/>
            <a:ext cx="2113280" cy="2086864"/>
          </a:xfrm>
          <a:prstGeom prst="rect">
            <a:avLst/>
          </a:prstGeom>
          <a:solidFill>
            <a:schemeClr val="tx1"/>
          </a:solidFill>
        </p:spPr>
        <p:txBody>
          <a:bodyPr lIns="0" tIns="0" rIns="0" bIns="648000">
            <a:normAutofit/>
          </a:bodyPr>
          <a:lstStyle>
            <a:lvl1pPr marL="0" indent="0" algn="ctr">
              <a:buNone/>
              <a:defRPr sz="1800" b="1">
                <a:solidFill>
                  <a:schemeClr val="accent1"/>
                </a:solidFill>
              </a:defRPr>
            </a:lvl1pPr>
          </a:lstStyle>
          <a:p>
            <a:r>
              <a:rPr lang="fr-FR" dirty="0"/>
              <a:t>	</a:t>
            </a:r>
          </a:p>
          <a:p>
            <a:r>
              <a:rPr lang="fr-FR" dirty="0"/>
              <a:t>Picture</a:t>
            </a:r>
          </a:p>
        </p:txBody>
      </p:sp>
      <p:sp>
        <p:nvSpPr>
          <p:cNvPr id="36" name="Picture Placeholder 10">
            <a:extLst>
              <a:ext uri="{FF2B5EF4-FFF2-40B4-BE49-F238E27FC236}">
                <a16:creationId xmlns:a16="http://schemas.microsoft.com/office/drawing/2014/main" id="{3FA24DDE-A296-4264-94A3-D62AF5BDC096}"/>
              </a:ext>
            </a:extLst>
          </p:cNvPr>
          <p:cNvSpPr>
            <a:spLocks noGrp="1"/>
          </p:cNvSpPr>
          <p:nvPr>
            <p:ph type="pic" sz="quarter" idx="12" hasCustomPrompt="1"/>
          </p:nvPr>
        </p:nvSpPr>
        <p:spPr>
          <a:xfrm>
            <a:off x="5039360" y="2092914"/>
            <a:ext cx="2113280" cy="2086864"/>
          </a:xfrm>
          <a:prstGeom prst="rect">
            <a:avLst/>
          </a:prstGeom>
          <a:solidFill>
            <a:schemeClr val="tx1"/>
          </a:solidFill>
        </p:spPr>
        <p:txBody>
          <a:bodyPr lIns="0" tIns="0" rIns="0" bIns="648000">
            <a:normAutofit/>
          </a:bodyPr>
          <a:lstStyle>
            <a:lvl1pPr marL="0" indent="0" algn="ctr" rtl="0">
              <a:buNone/>
              <a:defRPr sz="1800" b="1">
                <a:solidFill>
                  <a:schemeClr val="accent1"/>
                </a:solidFill>
              </a:defRPr>
            </a:lvl1pPr>
          </a:lstStyle>
          <a:p>
            <a:r>
              <a:rPr lang="fr-FR" dirty="0"/>
              <a:t>	</a:t>
            </a:r>
          </a:p>
          <a:p>
            <a:r>
              <a:rPr lang="fr-FR" dirty="0"/>
              <a:t>Picture</a:t>
            </a:r>
          </a:p>
        </p:txBody>
      </p:sp>
      <p:sp>
        <p:nvSpPr>
          <p:cNvPr id="37" name="Picture Placeholder 10">
            <a:extLst>
              <a:ext uri="{FF2B5EF4-FFF2-40B4-BE49-F238E27FC236}">
                <a16:creationId xmlns:a16="http://schemas.microsoft.com/office/drawing/2014/main" id="{944FD892-B40E-4C8A-BEFD-A9870E1F95BB}"/>
              </a:ext>
            </a:extLst>
          </p:cNvPr>
          <p:cNvSpPr>
            <a:spLocks noGrp="1"/>
          </p:cNvSpPr>
          <p:nvPr>
            <p:ph type="pic" sz="quarter" idx="13" hasCustomPrompt="1"/>
          </p:nvPr>
        </p:nvSpPr>
        <p:spPr>
          <a:xfrm>
            <a:off x="7396480" y="2092914"/>
            <a:ext cx="2113280" cy="2086864"/>
          </a:xfrm>
          <a:prstGeom prst="rect">
            <a:avLst/>
          </a:prstGeom>
          <a:solidFill>
            <a:schemeClr val="tx1"/>
          </a:solidFill>
        </p:spPr>
        <p:txBody>
          <a:bodyPr lIns="0" tIns="0" rIns="0" bIns="648000">
            <a:normAutofit/>
          </a:bodyPr>
          <a:lstStyle>
            <a:lvl1pPr marL="0" indent="0" algn="ctr" rtl="0">
              <a:buNone/>
              <a:defRPr sz="1800" b="1">
                <a:solidFill>
                  <a:schemeClr val="accent1"/>
                </a:solidFill>
              </a:defRPr>
            </a:lvl1pPr>
          </a:lstStyle>
          <a:p>
            <a:r>
              <a:rPr lang="fr-FR" dirty="0"/>
              <a:t>	</a:t>
            </a:r>
          </a:p>
          <a:p>
            <a:r>
              <a:rPr lang="fr-FR" dirty="0"/>
              <a:t>Picture</a:t>
            </a:r>
          </a:p>
        </p:txBody>
      </p:sp>
      <p:sp>
        <p:nvSpPr>
          <p:cNvPr id="38" name="Picture Placeholder 10">
            <a:extLst>
              <a:ext uri="{FF2B5EF4-FFF2-40B4-BE49-F238E27FC236}">
                <a16:creationId xmlns:a16="http://schemas.microsoft.com/office/drawing/2014/main" id="{AFF585DB-A83A-4238-915C-7030522C217F}"/>
              </a:ext>
            </a:extLst>
          </p:cNvPr>
          <p:cNvSpPr>
            <a:spLocks noGrp="1"/>
          </p:cNvSpPr>
          <p:nvPr>
            <p:ph type="pic" sz="quarter" idx="14" hasCustomPrompt="1"/>
          </p:nvPr>
        </p:nvSpPr>
        <p:spPr>
          <a:xfrm>
            <a:off x="9753600" y="2092914"/>
            <a:ext cx="2113280" cy="2086864"/>
          </a:xfrm>
          <a:prstGeom prst="rect">
            <a:avLst/>
          </a:prstGeom>
          <a:solidFill>
            <a:schemeClr val="tx1"/>
          </a:solidFill>
        </p:spPr>
        <p:txBody>
          <a:bodyPr lIns="0" tIns="0" rIns="0" bIns="648000">
            <a:normAutofit/>
          </a:bodyPr>
          <a:lstStyle>
            <a:lvl1pPr marL="0" indent="0" algn="ctr" rtl="0">
              <a:buNone/>
              <a:defRPr sz="1800" b="1">
                <a:solidFill>
                  <a:schemeClr val="accent1"/>
                </a:solidFill>
              </a:defRPr>
            </a:lvl1pPr>
          </a:lstStyle>
          <a:p>
            <a:r>
              <a:rPr lang="fr-FR" dirty="0"/>
              <a:t>	</a:t>
            </a:r>
          </a:p>
          <a:p>
            <a:r>
              <a:rPr lang="fr-FR" dirty="0"/>
              <a:t>Picture</a:t>
            </a:r>
          </a:p>
        </p:txBody>
      </p:sp>
      <p:sp>
        <p:nvSpPr>
          <p:cNvPr id="39" name="Picture Placeholder 10">
            <a:extLst>
              <a:ext uri="{FF2B5EF4-FFF2-40B4-BE49-F238E27FC236}">
                <a16:creationId xmlns:a16="http://schemas.microsoft.com/office/drawing/2014/main" id="{B800CBA0-2590-40E4-B56A-5697FBD2E0C8}"/>
              </a:ext>
            </a:extLst>
          </p:cNvPr>
          <p:cNvSpPr>
            <a:spLocks noGrp="1"/>
          </p:cNvSpPr>
          <p:nvPr>
            <p:ph type="pic" sz="quarter" idx="15" hasCustomPrompt="1"/>
          </p:nvPr>
        </p:nvSpPr>
        <p:spPr>
          <a:xfrm>
            <a:off x="325120" y="4431823"/>
            <a:ext cx="2113280" cy="2086864"/>
          </a:xfrm>
          <a:prstGeom prst="rect">
            <a:avLst/>
          </a:prstGeom>
          <a:solidFill>
            <a:schemeClr val="tx1"/>
          </a:solidFill>
        </p:spPr>
        <p:txBody>
          <a:bodyPr lIns="0" tIns="0" rIns="0" bIns="648000">
            <a:normAutofit/>
          </a:bodyPr>
          <a:lstStyle>
            <a:lvl1pPr marL="0" indent="0" algn="ctr" rtl="0">
              <a:buNone/>
              <a:defRPr sz="1800" b="1">
                <a:solidFill>
                  <a:schemeClr val="accent1"/>
                </a:solidFill>
              </a:defRPr>
            </a:lvl1pPr>
          </a:lstStyle>
          <a:p>
            <a:r>
              <a:rPr lang="fr-FR" dirty="0"/>
              <a:t>	</a:t>
            </a:r>
          </a:p>
          <a:p>
            <a:r>
              <a:rPr lang="fr-FR" dirty="0"/>
              <a:t>Picture</a:t>
            </a:r>
          </a:p>
        </p:txBody>
      </p:sp>
      <p:sp>
        <p:nvSpPr>
          <p:cNvPr id="40" name="Picture Placeholder 10">
            <a:extLst>
              <a:ext uri="{FF2B5EF4-FFF2-40B4-BE49-F238E27FC236}">
                <a16:creationId xmlns:a16="http://schemas.microsoft.com/office/drawing/2014/main" id="{137815DD-834A-450B-81D9-F1D90A0CAEDD}"/>
              </a:ext>
            </a:extLst>
          </p:cNvPr>
          <p:cNvSpPr>
            <a:spLocks noGrp="1"/>
          </p:cNvSpPr>
          <p:nvPr>
            <p:ph type="pic" sz="quarter" idx="16" hasCustomPrompt="1"/>
          </p:nvPr>
        </p:nvSpPr>
        <p:spPr>
          <a:xfrm>
            <a:off x="2682240" y="4431823"/>
            <a:ext cx="2113280" cy="2086864"/>
          </a:xfrm>
          <a:prstGeom prst="rect">
            <a:avLst/>
          </a:prstGeom>
          <a:solidFill>
            <a:schemeClr val="tx1"/>
          </a:solidFill>
        </p:spPr>
        <p:txBody>
          <a:bodyPr lIns="0" tIns="0" rIns="0" bIns="648000">
            <a:normAutofit/>
          </a:bodyPr>
          <a:lstStyle>
            <a:lvl1pPr marL="0" indent="0" algn="ctr" rtl="0">
              <a:buNone/>
              <a:defRPr sz="1800" b="1">
                <a:solidFill>
                  <a:schemeClr val="accent1"/>
                </a:solidFill>
              </a:defRPr>
            </a:lvl1pPr>
          </a:lstStyle>
          <a:p>
            <a:r>
              <a:rPr lang="fr-FR" dirty="0"/>
              <a:t>	</a:t>
            </a:r>
          </a:p>
          <a:p>
            <a:r>
              <a:rPr lang="fr-FR" dirty="0"/>
              <a:t>Picture</a:t>
            </a:r>
          </a:p>
        </p:txBody>
      </p:sp>
      <p:sp>
        <p:nvSpPr>
          <p:cNvPr id="41" name="Picture Placeholder 10">
            <a:extLst>
              <a:ext uri="{FF2B5EF4-FFF2-40B4-BE49-F238E27FC236}">
                <a16:creationId xmlns:a16="http://schemas.microsoft.com/office/drawing/2014/main" id="{1D58274C-6E9E-4343-91B3-DACB9E20B2F0}"/>
              </a:ext>
            </a:extLst>
          </p:cNvPr>
          <p:cNvSpPr>
            <a:spLocks noGrp="1"/>
          </p:cNvSpPr>
          <p:nvPr>
            <p:ph type="pic" sz="quarter" idx="17" hasCustomPrompt="1"/>
          </p:nvPr>
        </p:nvSpPr>
        <p:spPr>
          <a:xfrm>
            <a:off x="5039360" y="4431823"/>
            <a:ext cx="2113280" cy="2086864"/>
          </a:xfrm>
          <a:prstGeom prst="rect">
            <a:avLst/>
          </a:prstGeom>
          <a:solidFill>
            <a:schemeClr val="tx1"/>
          </a:solidFill>
        </p:spPr>
        <p:txBody>
          <a:bodyPr lIns="0" tIns="0" rIns="0" bIns="648000">
            <a:normAutofit/>
          </a:bodyPr>
          <a:lstStyle>
            <a:lvl1pPr marL="0" indent="0" algn="ctr" rtl="0">
              <a:buNone/>
              <a:defRPr sz="1800" b="1">
                <a:solidFill>
                  <a:schemeClr val="accent1"/>
                </a:solidFill>
              </a:defRPr>
            </a:lvl1pPr>
          </a:lstStyle>
          <a:p>
            <a:r>
              <a:rPr lang="fr-FR" dirty="0"/>
              <a:t>	</a:t>
            </a:r>
          </a:p>
          <a:p>
            <a:r>
              <a:rPr lang="fr-FR" dirty="0"/>
              <a:t>Picture</a:t>
            </a:r>
          </a:p>
        </p:txBody>
      </p:sp>
      <p:sp>
        <p:nvSpPr>
          <p:cNvPr id="42" name="Picture Placeholder 10">
            <a:extLst>
              <a:ext uri="{FF2B5EF4-FFF2-40B4-BE49-F238E27FC236}">
                <a16:creationId xmlns:a16="http://schemas.microsoft.com/office/drawing/2014/main" id="{7ADC8F93-D983-4E6E-8384-5D7D814EEFA6}"/>
              </a:ext>
            </a:extLst>
          </p:cNvPr>
          <p:cNvSpPr>
            <a:spLocks noGrp="1"/>
          </p:cNvSpPr>
          <p:nvPr>
            <p:ph type="pic" sz="quarter" idx="18" hasCustomPrompt="1"/>
          </p:nvPr>
        </p:nvSpPr>
        <p:spPr>
          <a:xfrm>
            <a:off x="7396480" y="4431823"/>
            <a:ext cx="2113280" cy="2086864"/>
          </a:xfrm>
          <a:prstGeom prst="rect">
            <a:avLst/>
          </a:prstGeom>
          <a:solidFill>
            <a:schemeClr val="tx1"/>
          </a:solidFill>
        </p:spPr>
        <p:txBody>
          <a:bodyPr lIns="0" tIns="0" rIns="0" bIns="648000">
            <a:normAutofit/>
          </a:bodyPr>
          <a:lstStyle>
            <a:lvl1pPr marL="0" indent="0" algn="ctr" rtl="0">
              <a:buNone/>
              <a:defRPr sz="1800" b="1">
                <a:solidFill>
                  <a:schemeClr val="accent1"/>
                </a:solidFill>
              </a:defRPr>
            </a:lvl1pPr>
          </a:lstStyle>
          <a:p>
            <a:r>
              <a:rPr lang="fr-FR" dirty="0"/>
              <a:t>	</a:t>
            </a:r>
          </a:p>
          <a:p>
            <a:r>
              <a:rPr lang="fr-FR" dirty="0"/>
              <a:t>Picture</a:t>
            </a:r>
          </a:p>
        </p:txBody>
      </p:sp>
      <p:sp>
        <p:nvSpPr>
          <p:cNvPr id="43" name="Picture Placeholder 10">
            <a:extLst>
              <a:ext uri="{FF2B5EF4-FFF2-40B4-BE49-F238E27FC236}">
                <a16:creationId xmlns:a16="http://schemas.microsoft.com/office/drawing/2014/main" id="{8B4B45E4-553B-409A-9111-A940DD06D269}"/>
              </a:ext>
            </a:extLst>
          </p:cNvPr>
          <p:cNvSpPr>
            <a:spLocks noGrp="1"/>
          </p:cNvSpPr>
          <p:nvPr>
            <p:ph type="pic" sz="quarter" idx="19" hasCustomPrompt="1"/>
          </p:nvPr>
        </p:nvSpPr>
        <p:spPr>
          <a:xfrm>
            <a:off x="9753600" y="4431823"/>
            <a:ext cx="2113280" cy="2086864"/>
          </a:xfrm>
          <a:prstGeom prst="rect">
            <a:avLst/>
          </a:prstGeom>
          <a:solidFill>
            <a:schemeClr val="tx1"/>
          </a:solidFill>
        </p:spPr>
        <p:txBody>
          <a:bodyPr lIns="0" tIns="0" rIns="0" bIns="648000">
            <a:normAutofit/>
          </a:bodyPr>
          <a:lstStyle>
            <a:lvl1pPr marL="0" indent="0" algn="ctr" rtl="0">
              <a:buNone/>
              <a:defRPr sz="1800" b="1">
                <a:solidFill>
                  <a:schemeClr val="accent1"/>
                </a:solidFill>
              </a:defRPr>
            </a:lvl1pPr>
          </a:lstStyle>
          <a:p>
            <a:r>
              <a:rPr lang="fr-FR" dirty="0"/>
              <a:t>	</a:t>
            </a:r>
          </a:p>
          <a:p>
            <a:r>
              <a:rPr lang="fr-FR" dirty="0"/>
              <a:t>Picture</a:t>
            </a:r>
          </a:p>
        </p:txBody>
      </p:sp>
      <p:sp>
        <p:nvSpPr>
          <p:cNvPr id="3" name="Espace réservé du texte 2">
            <a:extLst>
              <a:ext uri="{FF2B5EF4-FFF2-40B4-BE49-F238E27FC236}">
                <a16:creationId xmlns:a16="http://schemas.microsoft.com/office/drawing/2014/main" id="{316C72E8-81C8-4FB4-85BA-C194C185D587}"/>
              </a:ext>
            </a:extLst>
          </p:cNvPr>
          <p:cNvSpPr>
            <a:spLocks noGrp="1"/>
          </p:cNvSpPr>
          <p:nvPr>
            <p:ph type="body" sz="quarter" idx="20" hasCustomPrompt="1"/>
          </p:nvPr>
        </p:nvSpPr>
        <p:spPr>
          <a:xfrm>
            <a:off x="325119" y="3212990"/>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16" name="Espace réservé du texte 2">
            <a:extLst>
              <a:ext uri="{FF2B5EF4-FFF2-40B4-BE49-F238E27FC236}">
                <a16:creationId xmlns:a16="http://schemas.microsoft.com/office/drawing/2014/main" id="{1D08509A-CA5E-4810-BB02-ED01A7E3EDC4}"/>
              </a:ext>
            </a:extLst>
          </p:cNvPr>
          <p:cNvSpPr>
            <a:spLocks noGrp="1"/>
          </p:cNvSpPr>
          <p:nvPr>
            <p:ph type="body" sz="quarter" idx="21" hasCustomPrompt="1"/>
          </p:nvPr>
        </p:nvSpPr>
        <p:spPr>
          <a:xfrm>
            <a:off x="325120" y="3648808"/>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17" name="Espace réservé du texte 2">
            <a:extLst>
              <a:ext uri="{FF2B5EF4-FFF2-40B4-BE49-F238E27FC236}">
                <a16:creationId xmlns:a16="http://schemas.microsoft.com/office/drawing/2014/main" id="{758071FC-D284-419F-9B56-2BB8AC98B408}"/>
              </a:ext>
            </a:extLst>
          </p:cNvPr>
          <p:cNvSpPr>
            <a:spLocks noGrp="1"/>
          </p:cNvSpPr>
          <p:nvPr>
            <p:ph type="body" sz="quarter" idx="22" hasCustomPrompt="1"/>
          </p:nvPr>
        </p:nvSpPr>
        <p:spPr>
          <a:xfrm>
            <a:off x="2682238" y="3212990"/>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18" name="Espace réservé du texte 2">
            <a:extLst>
              <a:ext uri="{FF2B5EF4-FFF2-40B4-BE49-F238E27FC236}">
                <a16:creationId xmlns:a16="http://schemas.microsoft.com/office/drawing/2014/main" id="{A7FB7B32-A6F1-441F-ABF7-ED5E7620E93A}"/>
              </a:ext>
            </a:extLst>
          </p:cNvPr>
          <p:cNvSpPr>
            <a:spLocks noGrp="1"/>
          </p:cNvSpPr>
          <p:nvPr>
            <p:ph type="body" sz="quarter" idx="23" hasCustomPrompt="1"/>
          </p:nvPr>
        </p:nvSpPr>
        <p:spPr>
          <a:xfrm>
            <a:off x="2682239" y="3648808"/>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19" name="Espace réservé du texte 2">
            <a:extLst>
              <a:ext uri="{FF2B5EF4-FFF2-40B4-BE49-F238E27FC236}">
                <a16:creationId xmlns:a16="http://schemas.microsoft.com/office/drawing/2014/main" id="{3BB5C338-6573-4AD1-B7C1-7F31BC5582AF}"/>
              </a:ext>
            </a:extLst>
          </p:cNvPr>
          <p:cNvSpPr>
            <a:spLocks noGrp="1"/>
          </p:cNvSpPr>
          <p:nvPr>
            <p:ph type="body" sz="quarter" idx="24" hasCustomPrompt="1"/>
          </p:nvPr>
        </p:nvSpPr>
        <p:spPr>
          <a:xfrm>
            <a:off x="5039355" y="3212990"/>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20" name="Espace réservé du texte 2">
            <a:extLst>
              <a:ext uri="{FF2B5EF4-FFF2-40B4-BE49-F238E27FC236}">
                <a16:creationId xmlns:a16="http://schemas.microsoft.com/office/drawing/2014/main" id="{E62FFDFA-4672-49E8-BA29-A820D4E34A7F}"/>
              </a:ext>
            </a:extLst>
          </p:cNvPr>
          <p:cNvSpPr>
            <a:spLocks noGrp="1"/>
          </p:cNvSpPr>
          <p:nvPr>
            <p:ph type="body" sz="quarter" idx="25" hasCustomPrompt="1"/>
          </p:nvPr>
        </p:nvSpPr>
        <p:spPr>
          <a:xfrm>
            <a:off x="5039356" y="3648808"/>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21" name="Espace réservé du texte 2">
            <a:extLst>
              <a:ext uri="{FF2B5EF4-FFF2-40B4-BE49-F238E27FC236}">
                <a16:creationId xmlns:a16="http://schemas.microsoft.com/office/drawing/2014/main" id="{A11689A5-79C4-4A87-B01A-4B9F8A428EC3}"/>
              </a:ext>
            </a:extLst>
          </p:cNvPr>
          <p:cNvSpPr>
            <a:spLocks noGrp="1"/>
          </p:cNvSpPr>
          <p:nvPr>
            <p:ph type="body" sz="quarter" idx="26" hasCustomPrompt="1"/>
          </p:nvPr>
        </p:nvSpPr>
        <p:spPr>
          <a:xfrm>
            <a:off x="7396469" y="3212990"/>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22" name="Espace réservé du texte 2">
            <a:extLst>
              <a:ext uri="{FF2B5EF4-FFF2-40B4-BE49-F238E27FC236}">
                <a16:creationId xmlns:a16="http://schemas.microsoft.com/office/drawing/2014/main" id="{184713B9-EF45-452D-AB5C-E790803F48EA}"/>
              </a:ext>
            </a:extLst>
          </p:cNvPr>
          <p:cNvSpPr>
            <a:spLocks noGrp="1"/>
          </p:cNvSpPr>
          <p:nvPr>
            <p:ph type="body" sz="quarter" idx="27" hasCustomPrompt="1"/>
          </p:nvPr>
        </p:nvSpPr>
        <p:spPr>
          <a:xfrm>
            <a:off x="7396470" y="3648808"/>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23" name="Espace réservé du texte 2">
            <a:extLst>
              <a:ext uri="{FF2B5EF4-FFF2-40B4-BE49-F238E27FC236}">
                <a16:creationId xmlns:a16="http://schemas.microsoft.com/office/drawing/2014/main" id="{70B08813-7DA6-42D4-9260-A3656B183C0F}"/>
              </a:ext>
            </a:extLst>
          </p:cNvPr>
          <p:cNvSpPr>
            <a:spLocks noGrp="1"/>
          </p:cNvSpPr>
          <p:nvPr>
            <p:ph type="body" sz="quarter" idx="28" hasCustomPrompt="1"/>
          </p:nvPr>
        </p:nvSpPr>
        <p:spPr>
          <a:xfrm>
            <a:off x="9753586" y="3212990"/>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24" name="Espace réservé du texte 2">
            <a:extLst>
              <a:ext uri="{FF2B5EF4-FFF2-40B4-BE49-F238E27FC236}">
                <a16:creationId xmlns:a16="http://schemas.microsoft.com/office/drawing/2014/main" id="{C11A3551-612E-49A8-9DFD-0DB2C3B6CF27}"/>
              </a:ext>
            </a:extLst>
          </p:cNvPr>
          <p:cNvSpPr>
            <a:spLocks noGrp="1"/>
          </p:cNvSpPr>
          <p:nvPr>
            <p:ph type="body" sz="quarter" idx="29" hasCustomPrompt="1"/>
          </p:nvPr>
        </p:nvSpPr>
        <p:spPr>
          <a:xfrm>
            <a:off x="9753587" y="3648808"/>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25" name="Espace réservé du texte 2">
            <a:extLst>
              <a:ext uri="{FF2B5EF4-FFF2-40B4-BE49-F238E27FC236}">
                <a16:creationId xmlns:a16="http://schemas.microsoft.com/office/drawing/2014/main" id="{15D23A70-0BB2-4635-BFD7-77425C4431CF}"/>
              </a:ext>
            </a:extLst>
          </p:cNvPr>
          <p:cNvSpPr>
            <a:spLocks noGrp="1"/>
          </p:cNvSpPr>
          <p:nvPr>
            <p:ph type="body" sz="quarter" idx="30" hasCustomPrompt="1"/>
          </p:nvPr>
        </p:nvSpPr>
        <p:spPr>
          <a:xfrm>
            <a:off x="325119" y="5551899"/>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26" name="Espace réservé du texte 2">
            <a:extLst>
              <a:ext uri="{FF2B5EF4-FFF2-40B4-BE49-F238E27FC236}">
                <a16:creationId xmlns:a16="http://schemas.microsoft.com/office/drawing/2014/main" id="{A8DE0069-A8B7-4E2A-A88D-ED057F4A156D}"/>
              </a:ext>
            </a:extLst>
          </p:cNvPr>
          <p:cNvSpPr>
            <a:spLocks noGrp="1"/>
          </p:cNvSpPr>
          <p:nvPr>
            <p:ph type="body" sz="quarter" idx="31" hasCustomPrompt="1"/>
          </p:nvPr>
        </p:nvSpPr>
        <p:spPr>
          <a:xfrm>
            <a:off x="325120" y="5987717"/>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27" name="Espace réservé du texte 2">
            <a:extLst>
              <a:ext uri="{FF2B5EF4-FFF2-40B4-BE49-F238E27FC236}">
                <a16:creationId xmlns:a16="http://schemas.microsoft.com/office/drawing/2014/main" id="{DED62EA6-CA25-42AF-932E-E226621A7D9A}"/>
              </a:ext>
            </a:extLst>
          </p:cNvPr>
          <p:cNvSpPr>
            <a:spLocks noGrp="1"/>
          </p:cNvSpPr>
          <p:nvPr>
            <p:ph type="body" sz="quarter" idx="32" hasCustomPrompt="1"/>
          </p:nvPr>
        </p:nvSpPr>
        <p:spPr>
          <a:xfrm>
            <a:off x="2682238" y="5551899"/>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28" name="Espace réservé du texte 2">
            <a:extLst>
              <a:ext uri="{FF2B5EF4-FFF2-40B4-BE49-F238E27FC236}">
                <a16:creationId xmlns:a16="http://schemas.microsoft.com/office/drawing/2014/main" id="{69C73F44-1303-4699-9741-5071A8683183}"/>
              </a:ext>
            </a:extLst>
          </p:cNvPr>
          <p:cNvSpPr>
            <a:spLocks noGrp="1"/>
          </p:cNvSpPr>
          <p:nvPr>
            <p:ph type="body" sz="quarter" idx="33" hasCustomPrompt="1"/>
          </p:nvPr>
        </p:nvSpPr>
        <p:spPr>
          <a:xfrm>
            <a:off x="2682239" y="5987717"/>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29" name="Espace réservé du texte 2">
            <a:extLst>
              <a:ext uri="{FF2B5EF4-FFF2-40B4-BE49-F238E27FC236}">
                <a16:creationId xmlns:a16="http://schemas.microsoft.com/office/drawing/2014/main" id="{3FAB9CE8-C8F6-4097-9876-3D5BB131A6EE}"/>
              </a:ext>
            </a:extLst>
          </p:cNvPr>
          <p:cNvSpPr>
            <a:spLocks noGrp="1"/>
          </p:cNvSpPr>
          <p:nvPr>
            <p:ph type="body" sz="quarter" idx="34" hasCustomPrompt="1"/>
          </p:nvPr>
        </p:nvSpPr>
        <p:spPr>
          <a:xfrm>
            <a:off x="5039355" y="5551899"/>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30" name="Espace réservé du texte 2">
            <a:extLst>
              <a:ext uri="{FF2B5EF4-FFF2-40B4-BE49-F238E27FC236}">
                <a16:creationId xmlns:a16="http://schemas.microsoft.com/office/drawing/2014/main" id="{2FE7EAC6-53B9-40F7-BAC8-FFAFE182DB60}"/>
              </a:ext>
            </a:extLst>
          </p:cNvPr>
          <p:cNvSpPr>
            <a:spLocks noGrp="1"/>
          </p:cNvSpPr>
          <p:nvPr>
            <p:ph type="body" sz="quarter" idx="35" hasCustomPrompt="1"/>
          </p:nvPr>
        </p:nvSpPr>
        <p:spPr>
          <a:xfrm>
            <a:off x="5039356" y="5987717"/>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31" name="Espace réservé du texte 2">
            <a:extLst>
              <a:ext uri="{FF2B5EF4-FFF2-40B4-BE49-F238E27FC236}">
                <a16:creationId xmlns:a16="http://schemas.microsoft.com/office/drawing/2014/main" id="{4AA8E213-976B-4F42-BF73-C960C4D9F66D}"/>
              </a:ext>
            </a:extLst>
          </p:cNvPr>
          <p:cNvSpPr>
            <a:spLocks noGrp="1"/>
          </p:cNvSpPr>
          <p:nvPr>
            <p:ph type="body" sz="quarter" idx="36" hasCustomPrompt="1"/>
          </p:nvPr>
        </p:nvSpPr>
        <p:spPr>
          <a:xfrm>
            <a:off x="7396469" y="5551899"/>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32" name="Espace réservé du texte 2">
            <a:extLst>
              <a:ext uri="{FF2B5EF4-FFF2-40B4-BE49-F238E27FC236}">
                <a16:creationId xmlns:a16="http://schemas.microsoft.com/office/drawing/2014/main" id="{2B1B6386-3DB5-4B9B-9D72-E30B0FE4104F}"/>
              </a:ext>
            </a:extLst>
          </p:cNvPr>
          <p:cNvSpPr>
            <a:spLocks noGrp="1"/>
          </p:cNvSpPr>
          <p:nvPr>
            <p:ph type="body" sz="quarter" idx="37" hasCustomPrompt="1"/>
          </p:nvPr>
        </p:nvSpPr>
        <p:spPr>
          <a:xfrm>
            <a:off x="7396470" y="5987717"/>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
        <p:nvSpPr>
          <p:cNvPr id="33" name="Espace réservé du texte 2">
            <a:extLst>
              <a:ext uri="{FF2B5EF4-FFF2-40B4-BE49-F238E27FC236}">
                <a16:creationId xmlns:a16="http://schemas.microsoft.com/office/drawing/2014/main" id="{E3598400-E700-44A3-8903-DB65AFF1248F}"/>
              </a:ext>
            </a:extLst>
          </p:cNvPr>
          <p:cNvSpPr>
            <a:spLocks noGrp="1"/>
          </p:cNvSpPr>
          <p:nvPr>
            <p:ph type="body" sz="quarter" idx="38" hasCustomPrompt="1"/>
          </p:nvPr>
        </p:nvSpPr>
        <p:spPr>
          <a:xfrm>
            <a:off x="9753586" y="5551899"/>
            <a:ext cx="2113279" cy="966788"/>
          </a:xfrm>
          <a:prstGeom prst="rect">
            <a:avLst/>
          </a:prstGeom>
          <a:gradFill flip="none" rotWithShape="1">
            <a:gsLst>
              <a:gs pos="64000">
                <a:srgbClr val="1D1D1D">
                  <a:alpha val="78000"/>
                </a:srgbClr>
              </a:gs>
              <a:gs pos="6000">
                <a:schemeClr val="tx1">
                  <a:alpha val="0"/>
                </a:schemeClr>
              </a:gs>
              <a:gs pos="100000">
                <a:schemeClr val="tx1"/>
              </a:gs>
            </a:gsLst>
            <a:lin ang="54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Insert </a:t>
            </a:r>
            <a:r>
              <a:rPr lang="fr-FR" dirty="0" err="1"/>
              <a:t>text</a:t>
            </a:r>
            <a:r>
              <a:rPr lang="fr-FR" dirty="0"/>
              <a:t> </a:t>
            </a:r>
            <a:r>
              <a:rPr lang="fr-FR" dirty="0" err="1"/>
              <a:t>here</a:t>
            </a:r>
            <a:endParaRPr lang="en-US" dirty="0"/>
          </a:p>
        </p:txBody>
      </p:sp>
      <p:sp>
        <p:nvSpPr>
          <p:cNvPr id="34" name="Espace réservé du texte 2">
            <a:extLst>
              <a:ext uri="{FF2B5EF4-FFF2-40B4-BE49-F238E27FC236}">
                <a16:creationId xmlns:a16="http://schemas.microsoft.com/office/drawing/2014/main" id="{64D6E52E-F777-4A62-937F-D377DFED58CE}"/>
              </a:ext>
            </a:extLst>
          </p:cNvPr>
          <p:cNvSpPr>
            <a:spLocks noGrp="1"/>
          </p:cNvSpPr>
          <p:nvPr>
            <p:ph type="body" sz="quarter" idx="39" hasCustomPrompt="1"/>
          </p:nvPr>
        </p:nvSpPr>
        <p:spPr>
          <a:xfrm>
            <a:off x="9753587" y="5987717"/>
            <a:ext cx="45719" cy="32531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52000" tIns="45720" rIns="91440" bIns="252000" numCol="1" spcCol="0" rtlCol="0" fromWordArt="0" anchor="b" anchorCtr="0" forceAA="0" compatLnSpc="1">
            <a:prstTxWarp prst="textNoShape">
              <a:avLst/>
            </a:prstTxWarp>
            <a:noAutofit/>
          </a:bodyPr>
          <a:lstStyle>
            <a:lvl1pPr marL="0" indent="0">
              <a:buNone/>
              <a:defRPr kumimoji="0" lang="en-US" sz="1400" b="0" i="0" u="none" strike="noStrike" cap="none" spc="0" normalizeH="0" baseline="0" dirty="0">
                <a:ln>
                  <a:noFill/>
                </a:ln>
                <a:solidFill>
                  <a:prstClr val="white"/>
                </a:solidFill>
                <a:effectLst/>
                <a:uLnTx/>
                <a:uFillTx/>
                <a:latin typeface="Segoe UI"/>
              </a:defRPr>
            </a:lvl1pPr>
          </a:lstStyle>
          <a:p>
            <a:pPr marL="228600" marR="0" lvl="0" indent="-228600" fontAlgn="auto">
              <a:lnSpc>
                <a:spcPct val="100000"/>
              </a:lnSpc>
              <a:spcBef>
                <a:spcPts val="0"/>
              </a:spcBef>
              <a:spcAft>
                <a:spcPts val="0"/>
              </a:spcAft>
              <a:buClrTx/>
              <a:buSzTx/>
              <a:tabLst/>
            </a:pPr>
            <a:r>
              <a:rPr lang="fr-FR" dirty="0"/>
              <a:t> </a:t>
            </a:r>
            <a:endParaRPr lang="en-US" dirty="0"/>
          </a:p>
        </p:txBody>
      </p:sp>
    </p:spTree>
    <p:extLst>
      <p:ext uri="{BB962C8B-B14F-4D97-AF65-F5344CB8AC3E}">
        <p14:creationId xmlns:p14="http://schemas.microsoft.com/office/powerpoint/2010/main" val="92940962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A77A356-AF60-2048-B3E4-3E9A21D93914}"/>
              </a:ext>
            </a:extLst>
          </p:cNvPr>
          <p:cNvSpPr>
            <a:spLocks noGrp="1"/>
          </p:cNvSpPr>
          <p:nvPr>
            <p:ph type="title"/>
          </p:nvPr>
        </p:nvSpPr>
        <p:spPr/>
        <p:txBody>
          <a:bodyPr/>
          <a:lstStyle/>
          <a:p>
            <a:r>
              <a:rPr lang="en-GB"/>
              <a:t>Click to edit Master title style</a:t>
            </a:r>
            <a:endParaRPr lang="en-US"/>
          </a:p>
        </p:txBody>
      </p:sp>
      <p:sp>
        <p:nvSpPr>
          <p:cNvPr id="3" name="Content Placeholder 2">
            <a:extLst>
              <a:ext uri="{FF2B5EF4-FFF2-40B4-BE49-F238E27FC236}">
                <a16:creationId xmlns:a16="http://schemas.microsoft.com/office/drawing/2014/main" id="{DF93C210-26D1-2F42-868A-BF520BE478E8}"/>
              </a:ext>
            </a:extLst>
          </p:cNvPr>
          <p:cNvSpPr>
            <a:spLocks noGrp="1"/>
          </p:cNvSpPr>
          <p:nvPr>
            <p:ph idx="1"/>
          </p:nvPr>
        </p:nvSpPr>
        <p:spPr/>
        <p:txBody>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4" name="Date Placeholder 3">
            <a:extLst>
              <a:ext uri="{FF2B5EF4-FFF2-40B4-BE49-F238E27FC236}">
                <a16:creationId xmlns:a16="http://schemas.microsoft.com/office/drawing/2014/main" id="{C17E2A36-D72C-494F-BF84-2F26F6FA701C}"/>
              </a:ext>
            </a:extLst>
          </p:cNvPr>
          <p:cNvSpPr>
            <a:spLocks noGrp="1"/>
          </p:cNvSpPr>
          <p:nvPr>
            <p:ph type="dt" sz="half" idx="10"/>
          </p:nvPr>
        </p:nvSpPr>
        <p:spPr/>
        <p:txBody>
          <a:bodyPr/>
          <a:lstStyle/>
          <a:p>
            <a:fld id="{D2EC3536-4CF6-4C8D-A180-A1AB9640DDFD}" type="datetime1">
              <a:rPr lang="en-US" smtClean="0"/>
              <a:t>6/3/2022</a:t>
            </a:fld>
            <a:endParaRPr lang="en-US"/>
          </a:p>
        </p:txBody>
      </p:sp>
      <p:sp>
        <p:nvSpPr>
          <p:cNvPr id="5" name="Footer Placeholder 4">
            <a:extLst>
              <a:ext uri="{FF2B5EF4-FFF2-40B4-BE49-F238E27FC236}">
                <a16:creationId xmlns:a16="http://schemas.microsoft.com/office/drawing/2014/main" id="{BE1CBD0D-7162-E54C-8875-34E68F0036E0}"/>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4160FDB0-4B0D-4C4F-87A5-FDF158D7E249}"/>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1682554990"/>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am 1">
    <p:spTree>
      <p:nvGrpSpPr>
        <p:cNvPr id="1" name=""/>
        <p:cNvGrpSpPr/>
        <p:nvPr/>
      </p:nvGrpSpPr>
      <p:grpSpPr>
        <a:xfrm>
          <a:off x="0" y="0"/>
          <a:ext cx="0" cy="0"/>
          <a:chOff x="0" y="0"/>
          <a:chExt cx="0" cy="0"/>
        </a:xfrm>
      </p:grpSpPr>
      <p:sp>
        <p:nvSpPr>
          <p:cNvPr id="12" name="Picture Placeholder 10">
            <a:extLst>
              <a:ext uri="{FF2B5EF4-FFF2-40B4-BE49-F238E27FC236}">
                <a16:creationId xmlns:a16="http://schemas.microsoft.com/office/drawing/2014/main" id="{7BF478B0-BD0C-4753-83DD-0647CA2A70FC}"/>
              </a:ext>
            </a:extLst>
          </p:cNvPr>
          <p:cNvSpPr>
            <a:spLocks noGrp="1"/>
          </p:cNvSpPr>
          <p:nvPr>
            <p:ph type="pic" sz="quarter" idx="14" hasCustomPrompt="1"/>
          </p:nvPr>
        </p:nvSpPr>
        <p:spPr>
          <a:xfrm>
            <a:off x="3903992" y="2612615"/>
            <a:ext cx="1864997" cy="1866477"/>
          </a:xfrm>
          <a:prstGeom prst="ellipse">
            <a:avLst/>
          </a:prstGeom>
          <a:solidFill>
            <a:schemeClr val="tx1"/>
          </a:solidFill>
        </p:spPr>
        <p:txBody>
          <a:bodyPr>
            <a:normAutofit/>
          </a:bodyPr>
          <a:lstStyle>
            <a:lvl1pPr marL="0" indent="0" algn="ctr">
              <a:buNone/>
              <a:defRPr sz="1050"/>
            </a:lvl1pPr>
          </a:lstStyle>
          <a:p>
            <a:r>
              <a:rPr lang="fr-FR" dirty="0"/>
              <a:t>Picture</a:t>
            </a:r>
          </a:p>
        </p:txBody>
      </p:sp>
      <p:sp>
        <p:nvSpPr>
          <p:cNvPr id="13" name="Picture Placeholder 10">
            <a:extLst>
              <a:ext uri="{FF2B5EF4-FFF2-40B4-BE49-F238E27FC236}">
                <a16:creationId xmlns:a16="http://schemas.microsoft.com/office/drawing/2014/main" id="{4E75A3EB-2585-4E8B-966D-EE16E52809A4}"/>
              </a:ext>
            </a:extLst>
          </p:cNvPr>
          <p:cNvSpPr>
            <a:spLocks noGrp="1"/>
          </p:cNvSpPr>
          <p:nvPr>
            <p:ph type="pic" sz="quarter" idx="15" hasCustomPrompt="1"/>
          </p:nvPr>
        </p:nvSpPr>
        <p:spPr>
          <a:xfrm>
            <a:off x="6443986" y="2621323"/>
            <a:ext cx="1864997" cy="1866477"/>
          </a:xfrm>
          <a:prstGeom prst="ellipse">
            <a:avLst/>
          </a:prstGeom>
          <a:solidFill>
            <a:schemeClr val="tx1"/>
          </a:solidFill>
        </p:spPr>
        <p:txBody>
          <a:bodyPr>
            <a:normAutofit/>
          </a:bodyPr>
          <a:lstStyle>
            <a:lvl1pPr marL="0" indent="0" algn="ctr">
              <a:buNone/>
              <a:defRPr sz="1050"/>
            </a:lvl1pPr>
          </a:lstStyle>
          <a:p>
            <a:r>
              <a:rPr lang="fr-FR" dirty="0"/>
              <a:t>Picture</a:t>
            </a:r>
          </a:p>
        </p:txBody>
      </p:sp>
      <p:sp>
        <p:nvSpPr>
          <p:cNvPr id="14" name="Picture Placeholder 10">
            <a:extLst>
              <a:ext uri="{FF2B5EF4-FFF2-40B4-BE49-F238E27FC236}">
                <a16:creationId xmlns:a16="http://schemas.microsoft.com/office/drawing/2014/main" id="{92B3B241-D439-47C0-9E90-9F4C8234BE09}"/>
              </a:ext>
            </a:extLst>
          </p:cNvPr>
          <p:cNvSpPr>
            <a:spLocks noGrp="1"/>
          </p:cNvSpPr>
          <p:nvPr>
            <p:ph type="pic" sz="quarter" idx="16" hasCustomPrompt="1"/>
          </p:nvPr>
        </p:nvSpPr>
        <p:spPr>
          <a:xfrm>
            <a:off x="8983978" y="2612615"/>
            <a:ext cx="1864997" cy="1866477"/>
          </a:xfrm>
          <a:prstGeom prst="ellipse">
            <a:avLst/>
          </a:prstGeom>
          <a:solidFill>
            <a:schemeClr val="tx1"/>
          </a:solidFill>
        </p:spPr>
        <p:txBody>
          <a:bodyPr>
            <a:normAutofit/>
          </a:bodyPr>
          <a:lstStyle>
            <a:lvl1pPr marL="0" indent="0" algn="ctr" rtl="0">
              <a:buNone/>
              <a:defRPr sz="1050"/>
            </a:lvl1pPr>
          </a:lstStyle>
          <a:p>
            <a:r>
              <a:rPr lang="fr-FR" dirty="0"/>
              <a:t>Picture</a:t>
            </a:r>
          </a:p>
        </p:txBody>
      </p:sp>
      <p:sp>
        <p:nvSpPr>
          <p:cNvPr id="11" name="Picture Placeholder 10">
            <a:extLst>
              <a:ext uri="{FF2B5EF4-FFF2-40B4-BE49-F238E27FC236}">
                <a16:creationId xmlns:a16="http://schemas.microsoft.com/office/drawing/2014/main" id="{833B4748-1D15-492B-BFA6-8B1A7240F821}"/>
              </a:ext>
            </a:extLst>
          </p:cNvPr>
          <p:cNvSpPr>
            <a:spLocks noGrp="1"/>
          </p:cNvSpPr>
          <p:nvPr>
            <p:ph type="pic" sz="quarter" idx="13" hasCustomPrompt="1"/>
          </p:nvPr>
        </p:nvSpPr>
        <p:spPr>
          <a:xfrm>
            <a:off x="1364002" y="2612615"/>
            <a:ext cx="1864997" cy="1866477"/>
          </a:xfrm>
          <a:prstGeom prst="ellipse">
            <a:avLst/>
          </a:prstGeom>
          <a:solidFill>
            <a:schemeClr val="tx1"/>
          </a:solidFill>
        </p:spPr>
        <p:txBody>
          <a:bodyPr>
            <a:normAutofit/>
          </a:bodyPr>
          <a:lstStyle>
            <a:lvl1pPr marL="0" indent="0" algn="ctr">
              <a:buNone/>
              <a:defRPr sz="1050"/>
            </a:lvl1pPr>
          </a:lstStyle>
          <a:p>
            <a:r>
              <a:rPr lang="fr-FR" dirty="0"/>
              <a:t>Picture</a:t>
            </a:r>
          </a:p>
        </p:txBody>
      </p:sp>
    </p:spTree>
    <p:extLst>
      <p:ext uri="{BB962C8B-B14F-4D97-AF65-F5344CB8AC3E}">
        <p14:creationId xmlns:p14="http://schemas.microsoft.com/office/powerpoint/2010/main" val="2204056981"/>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eam 2">
    <p:spTree>
      <p:nvGrpSpPr>
        <p:cNvPr id="1" name=""/>
        <p:cNvGrpSpPr/>
        <p:nvPr/>
      </p:nvGrpSpPr>
      <p:grpSpPr>
        <a:xfrm>
          <a:off x="0" y="0"/>
          <a:ext cx="0" cy="0"/>
          <a:chOff x="0" y="0"/>
          <a:chExt cx="0" cy="0"/>
        </a:xfrm>
      </p:grpSpPr>
      <p:sp>
        <p:nvSpPr>
          <p:cNvPr id="35" name="Picture Placeholder 10">
            <a:extLst>
              <a:ext uri="{FF2B5EF4-FFF2-40B4-BE49-F238E27FC236}">
                <a16:creationId xmlns:a16="http://schemas.microsoft.com/office/drawing/2014/main" id="{28A52817-9434-4248-A9F0-5409D58D80AB}"/>
              </a:ext>
            </a:extLst>
          </p:cNvPr>
          <p:cNvSpPr>
            <a:spLocks noGrp="1"/>
          </p:cNvSpPr>
          <p:nvPr>
            <p:ph type="pic" sz="quarter" idx="13" hasCustomPrompt="1"/>
          </p:nvPr>
        </p:nvSpPr>
        <p:spPr>
          <a:xfrm>
            <a:off x="1367754" y="2346959"/>
            <a:ext cx="872827" cy="871943"/>
          </a:xfrm>
          <a:prstGeom prst="ellipse">
            <a:avLst/>
          </a:prstGeom>
          <a:solidFill>
            <a:schemeClr val="tx1"/>
          </a:solidFill>
        </p:spPr>
        <p:txBody>
          <a:bodyPr>
            <a:normAutofit/>
          </a:bodyPr>
          <a:lstStyle>
            <a:lvl1pPr marL="0" indent="0" algn="ctr">
              <a:buNone/>
              <a:defRPr sz="600"/>
            </a:lvl1pPr>
          </a:lstStyle>
          <a:p>
            <a:r>
              <a:rPr lang="fr-FR" dirty="0"/>
              <a:t>Picture</a:t>
            </a:r>
          </a:p>
          <a:p>
            <a:endParaRPr lang="fr-FR" dirty="0"/>
          </a:p>
        </p:txBody>
      </p:sp>
      <p:sp>
        <p:nvSpPr>
          <p:cNvPr id="38" name="Picture Placeholder 10">
            <a:extLst>
              <a:ext uri="{FF2B5EF4-FFF2-40B4-BE49-F238E27FC236}">
                <a16:creationId xmlns:a16="http://schemas.microsoft.com/office/drawing/2014/main" id="{48CC145B-9158-4C89-BDE8-D80C6BEAD342}"/>
              </a:ext>
            </a:extLst>
          </p:cNvPr>
          <p:cNvSpPr>
            <a:spLocks noGrp="1"/>
          </p:cNvSpPr>
          <p:nvPr>
            <p:ph type="pic" sz="quarter" idx="14" hasCustomPrompt="1"/>
          </p:nvPr>
        </p:nvSpPr>
        <p:spPr>
          <a:xfrm>
            <a:off x="4776437" y="2346959"/>
            <a:ext cx="872827" cy="871943"/>
          </a:xfrm>
          <a:prstGeom prst="ellipse">
            <a:avLst/>
          </a:prstGeom>
          <a:solidFill>
            <a:schemeClr val="tx1"/>
          </a:solidFill>
        </p:spPr>
        <p:txBody>
          <a:bodyPr>
            <a:normAutofit/>
          </a:bodyPr>
          <a:lstStyle>
            <a:lvl1pPr marL="0" indent="0" algn="ctr">
              <a:buNone/>
              <a:defRPr sz="600"/>
            </a:lvl1pPr>
          </a:lstStyle>
          <a:p>
            <a:r>
              <a:rPr lang="fr-FR" dirty="0"/>
              <a:t>Picture</a:t>
            </a:r>
          </a:p>
          <a:p>
            <a:endParaRPr lang="fr-FR" dirty="0"/>
          </a:p>
        </p:txBody>
      </p:sp>
      <p:sp>
        <p:nvSpPr>
          <p:cNvPr id="39" name="Picture Placeholder 10">
            <a:extLst>
              <a:ext uri="{FF2B5EF4-FFF2-40B4-BE49-F238E27FC236}">
                <a16:creationId xmlns:a16="http://schemas.microsoft.com/office/drawing/2014/main" id="{18240BEE-6B48-4E46-8571-243D0874F8AD}"/>
              </a:ext>
            </a:extLst>
          </p:cNvPr>
          <p:cNvSpPr>
            <a:spLocks noGrp="1"/>
          </p:cNvSpPr>
          <p:nvPr>
            <p:ph type="pic" sz="quarter" idx="15" hasCustomPrompt="1"/>
          </p:nvPr>
        </p:nvSpPr>
        <p:spPr>
          <a:xfrm>
            <a:off x="8190198" y="2346959"/>
            <a:ext cx="872827" cy="871943"/>
          </a:xfrm>
          <a:prstGeom prst="ellipse">
            <a:avLst/>
          </a:prstGeom>
          <a:solidFill>
            <a:schemeClr val="tx1"/>
          </a:solidFill>
        </p:spPr>
        <p:txBody>
          <a:bodyPr>
            <a:normAutofit/>
          </a:bodyPr>
          <a:lstStyle>
            <a:lvl1pPr marL="0" indent="0" algn="ctr">
              <a:buNone/>
              <a:defRPr sz="600"/>
            </a:lvl1pPr>
          </a:lstStyle>
          <a:p>
            <a:r>
              <a:rPr lang="fr-FR" dirty="0"/>
              <a:t>Picture</a:t>
            </a:r>
          </a:p>
          <a:p>
            <a:endParaRPr lang="fr-FR" dirty="0"/>
          </a:p>
        </p:txBody>
      </p:sp>
      <p:sp>
        <p:nvSpPr>
          <p:cNvPr id="40" name="Picture Placeholder 10">
            <a:extLst>
              <a:ext uri="{FF2B5EF4-FFF2-40B4-BE49-F238E27FC236}">
                <a16:creationId xmlns:a16="http://schemas.microsoft.com/office/drawing/2014/main" id="{891A3D34-F938-43C2-B3E0-F6637FB470EA}"/>
              </a:ext>
            </a:extLst>
          </p:cNvPr>
          <p:cNvSpPr>
            <a:spLocks noGrp="1"/>
          </p:cNvSpPr>
          <p:nvPr>
            <p:ph type="pic" sz="quarter" idx="16" hasCustomPrompt="1"/>
          </p:nvPr>
        </p:nvSpPr>
        <p:spPr>
          <a:xfrm>
            <a:off x="1367754" y="3643749"/>
            <a:ext cx="872827" cy="871943"/>
          </a:xfrm>
          <a:prstGeom prst="ellipse">
            <a:avLst/>
          </a:prstGeom>
          <a:solidFill>
            <a:schemeClr val="tx1"/>
          </a:solidFill>
        </p:spPr>
        <p:txBody>
          <a:bodyPr>
            <a:normAutofit/>
          </a:bodyPr>
          <a:lstStyle>
            <a:lvl1pPr marL="0" indent="0" algn="ctr">
              <a:buNone/>
              <a:defRPr sz="600"/>
            </a:lvl1pPr>
          </a:lstStyle>
          <a:p>
            <a:r>
              <a:rPr lang="fr-FR" dirty="0"/>
              <a:t>Picture</a:t>
            </a:r>
          </a:p>
          <a:p>
            <a:endParaRPr lang="fr-FR" dirty="0"/>
          </a:p>
        </p:txBody>
      </p:sp>
      <p:sp>
        <p:nvSpPr>
          <p:cNvPr id="41" name="Picture Placeholder 10">
            <a:extLst>
              <a:ext uri="{FF2B5EF4-FFF2-40B4-BE49-F238E27FC236}">
                <a16:creationId xmlns:a16="http://schemas.microsoft.com/office/drawing/2014/main" id="{8AA6258D-C0D6-4D37-B7E6-AF882A75F99E}"/>
              </a:ext>
            </a:extLst>
          </p:cNvPr>
          <p:cNvSpPr>
            <a:spLocks noGrp="1"/>
          </p:cNvSpPr>
          <p:nvPr>
            <p:ph type="pic" sz="quarter" idx="17" hasCustomPrompt="1"/>
          </p:nvPr>
        </p:nvSpPr>
        <p:spPr>
          <a:xfrm>
            <a:off x="4776437" y="3643749"/>
            <a:ext cx="872827" cy="871943"/>
          </a:xfrm>
          <a:prstGeom prst="ellipse">
            <a:avLst/>
          </a:prstGeom>
          <a:solidFill>
            <a:schemeClr val="tx1"/>
          </a:solidFill>
        </p:spPr>
        <p:txBody>
          <a:bodyPr>
            <a:normAutofit/>
          </a:bodyPr>
          <a:lstStyle>
            <a:lvl1pPr marL="0" indent="0" algn="ctr">
              <a:buNone/>
              <a:defRPr sz="600"/>
            </a:lvl1pPr>
          </a:lstStyle>
          <a:p>
            <a:r>
              <a:rPr lang="fr-FR" dirty="0"/>
              <a:t>Picture</a:t>
            </a:r>
          </a:p>
          <a:p>
            <a:endParaRPr lang="fr-FR" dirty="0"/>
          </a:p>
        </p:txBody>
      </p:sp>
      <p:sp>
        <p:nvSpPr>
          <p:cNvPr id="42" name="Picture Placeholder 10">
            <a:extLst>
              <a:ext uri="{FF2B5EF4-FFF2-40B4-BE49-F238E27FC236}">
                <a16:creationId xmlns:a16="http://schemas.microsoft.com/office/drawing/2014/main" id="{C05DB888-4CC2-422E-A90D-0F5961F52473}"/>
              </a:ext>
            </a:extLst>
          </p:cNvPr>
          <p:cNvSpPr>
            <a:spLocks noGrp="1"/>
          </p:cNvSpPr>
          <p:nvPr>
            <p:ph type="pic" sz="quarter" idx="18" hasCustomPrompt="1"/>
          </p:nvPr>
        </p:nvSpPr>
        <p:spPr>
          <a:xfrm>
            <a:off x="8190198" y="3643749"/>
            <a:ext cx="872827" cy="871943"/>
          </a:xfrm>
          <a:prstGeom prst="ellipse">
            <a:avLst/>
          </a:prstGeom>
          <a:solidFill>
            <a:schemeClr val="tx1"/>
          </a:solidFill>
        </p:spPr>
        <p:txBody>
          <a:bodyPr>
            <a:normAutofit/>
          </a:bodyPr>
          <a:lstStyle>
            <a:lvl1pPr marL="0" indent="0" algn="ctr">
              <a:buNone/>
              <a:defRPr sz="600"/>
            </a:lvl1pPr>
          </a:lstStyle>
          <a:p>
            <a:r>
              <a:rPr lang="fr-FR" dirty="0"/>
              <a:t>Picture</a:t>
            </a:r>
          </a:p>
          <a:p>
            <a:endParaRPr lang="fr-FR" dirty="0"/>
          </a:p>
        </p:txBody>
      </p:sp>
      <p:sp>
        <p:nvSpPr>
          <p:cNvPr id="43" name="Picture Placeholder 10">
            <a:extLst>
              <a:ext uri="{FF2B5EF4-FFF2-40B4-BE49-F238E27FC236}">
                <a16:creationId xmlns:a16="http://schemas.microsoft.com/office/drawing/2014/main" id="{91B0F4F4-8EDC-454F-99C3-EFA4EFF06681}"/>
              </a:ext>
            </a:extLst>
          </p:cNvPr>
          <p:cNvSpPr>
            <a:spLocks noGrp="1"/>
          </p:cNvSpPr>
          <p:nvPr>
            <p:ph type="pic" sz="quarter" idx="19" hasCustomPrompt="1"/>
          </p:nvPr>
        </p:nvSpPr>
        <p:spPr>
          <a:xfrm>
            <a:off x="1367754" y="4995008"/>
            <a:ext cx="872827" cy="871943"/>
          </a:xfrm>
          <a:prstGeom prst="ellipse">
            <a:avLst/>
          </a:prstGeom>
          <a:solidFill>
            <a:schemeClr val="tx1"/>
          </a:solidFill>
        </p:spPr>
        <p:txBody>
          <a:bodyPr>
            <a:normAutofit/>
          </a:bodyPr>
          <a:lstStyle>
            <a:lvl1pPr marL="0" indent="0" algn="ctr" rtl="0">
              <a:buNone/>
              <a:defRPr sz="600"/>
            </a:lvl1pPr>
          </a:lstStyle>
          <a:p>
            <a:r>
              <a:rPr lang="fr-FR" dirty="0"/>
              <a:t>Picture</a:t>
            </a:r>
          </a:p>
          <a:p>
            <a:endParaRPr lang="fr-FR" dirty="0"/>
          </a:p>
        </p:txBody>
      </p:sp>
      <p:sp>
        <p:nvSpPr>
          <p:cNvPr id="44" name="Picture Placeholder 10">
            <a:extLst>
              <a:ext uri="{FF2B5EF4-FFF2-40B4-BE49-F238E27FC236}">
                <a16:creationId xmlns:a16="http://schemas.microsoft.com/office/drawing/2014/main" id="{5F25E1E5-622D-44E9-9FD1-48BBA5FC389D}"/>
              </a:ext>
            </a:extLst>
          </p:cNvPr>
          <p:cNvSpPr>
            <a:spLocks noGrp="1"/>
          </p:cNvSpPr>
          <p:nvPr>
            <p:ph type="pic" sz="quarter" idx="20" hasCustomPrompt="1"/>
          </p:nvPr>
        </p:nvSpPr>
        <p:spPr>
          <a:xfrm>
            <a:off x="4776437" y="4995008"/>
            <a:ext cx="872827" cy="871943"/>
          </a:xfrm>
          <a:prstGeom prst="ellipse">
            <a:avLst/>
          </a:prstGeom>
          <a:solidFill>
            <a:schemeClr val="tx1"/>
          </a:solidFill>
        </p:spPr>
        <p:txBody>
          <a:bodyPr>
            <a:normAutofit/>
          </a:bodyPr>
          <a:lstStyle>
            <a:lvl1pPr marL="0" indent="0" algn="ctr" rtl="0">
              <a:buNone/>
              <a:defRPr sz="600"/>
            </a:lvl1pPr>
          </a:lstStyle>
          <a:p>
            <a:r>
              <a:rPr lang="fr-FR" dirty="0"/>
              <a:t>Picture</a:t>
            </a:r>
          </a:p>
          <a:p>
            <a:endParaRPr lang="fr-FR" dirty="0"/>
          </a:p>
        </p:txBody>
      </p:sp>
      <p:sp>
        <p:nvSpPr>
          <p:cNvPr id="45" name="Picture Placeholder 10">
            <a:extLst>
              <a:ext uri="{FF2B5EF4-FFF2-40B4-BE49-F238E27FC236}">
                <a16:creationId xmlns:a16="http://schemas.microsoft.com/office/drawing/2014/main" id="{FF0CB30F-6742-4E8E-9918-FF5A545074AE}"/>
              </a:ext>
            </a:extLst>
          </p:cNvPr>
          <p:cNvSpPr>
            <a:spLocks noGrp="1"/>
          </p:cNvSpPr>
          <p:nvPr>
            <p:ph type="pic" sz="quarter" idx="21" hasCustomPrompt="1"/>
          </p:nvPr>
        </p:nvSpPr>
        <p:spPr>
          <a:xfrm>
            <a:off x="8190198" y="4995008"/>
            <a:ext cx="872827" cy="871943"/>
          </a:xfrm>
          <a:prstGeom prst="ellipse">
            <a:avLst/>
          </a:prstGeom>
          <a:solidFill>
            <a:schemeClr val="tx1"/>
          </a:solidFill>
        </p:spPr>
        <p:txBody>
          <a:bodyPr>
            <a:normAutofit/>
          </a:bodyPr>
          <a:lstStyle>
            <a:lvl1pPr marL="0" indent="0" algn="ctr" rtl="0">
              <a:buNone/>
              <a:defRPr sz="600"/>
            </a:lvl1pPr>
          </a:lstStyle>
          <a:p>
            <a:r>
              <a:rPr lang="fr-FR" dirty="0"/>
              <a:t>Picture</a:t>
            </a:r>
          </a:p>
          <a:p>
            <a:endParaRPr lang="fr-FR" dirty="0"/>
          </a:p>
        </p:txBody>
      </p:sp>
    </p:spTree>
    <p:extLst>
      <p:ext uri="{BB962C8B-B14F-4D97-AF65-F5344CB8AC3E}">
        <p14:creationId xmlns:p14="http://schemas.microsoft.com/office/powerpoint/2010/main" val="3205405164"/>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Team 3">
    <p:spTree>
      <p:nvGrpSpPr>
        <p:cNvPr id="1" name=""/>
        <p:cNvGrpSpPr/>
        <p:nvPr/>
      </p:nvGrpSpPr>
      <p:grpSpPr>
        <a:xfrm>
          <a:off x="0" y="0"/>
          <a:ext cx="0" cy="0"/>
          <a:chOff x="0" y="0"/>
          <a:chExt cx="0" cy="0"/>
        </a:xfrm>
      </p:grpSpPr>
      <p:sp>
        <p:nvSpPr>
          <p:cNvPr id="26" name="Picture Placeholder 10">
            <a:extLst>
              <a:ext uri="{FF2B5EF4-FFF2-40B4-BE49-F238E27FC236}">
                <a16:creationId xmlns:a16="http://schemas.microsoft.com/office/drawing/2014/main" id="{22EE241B-2BBC-4744-835C-8F40458A127C}"/>
              </a:ext>
            </a:extLst>
          </p:cNvPr>
          <p:cNvSpPr>
            <a:spLocks noGrp="1"/>
          </p:cNvSpPr>
          <p:nvPr>
            <p:ph type="pic" sz="quarter" idx="13" hasCustomPrompt="1"/>
          </p:nvPr>
        </p:nvSpPr>
        <p:spPr>
          <a:xfrm>
            <a:off x="1343505" y="1125405"/>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27" name="Picture Placeholder 10">
            <a:extLst>
              <a:ext uri="{FF2B5EF4-FFF2-40B4-BE49-F238E27FC236}">
                <a16:creationId xmlns:a16="http://schemas.microsoft.com/office/drawing/2014/main" id="{6CAB5CF8-20D7-4B90-95C9-20E098992A49}"/>
              </a:ext>
            </a:extLst>
          </p:cNvPr>
          <p:cNvSpPr>
            <a:spLocks noGrp="1"/>
          </p:cNvSpPr>
          <p:nvPr>
            <p:ph type="pic" sz="quarter" idx="14" hasCustomPrompt="1"/>
          </p:nvPr>
        </p:nvSpPr>
        <p:spPr>
          <a:xfrm>
            <a:off x="3783307" y="1125405"/>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28" name="Picture Placeholder 10">
            <a:extLst>
              <a:ext uri="{FF2B5EF4-FFF2-40B4-BE49-F238E27FC236}">
                <a16:creationId xmlns:a16="http://schemas.microsoft.com/office/drawing/2014/main" id="{62CEBB88-3D8A-4909-B93A-1F994D6624FA}"/>
              </a:ext>
            </a:extLst>
          </p:cNvPr>
          <p:cNvSpPr>
            <a:spLocks noGrp="1"/>
          </p:cNvSpPr>
          <p:nvPr>
            <p:ph type="pic" sz="quarter" idx="15" hasCustomPrompt="1"/>
          </p:nvPr>
        </p:nvSpPr>
        <p:spPr>
          <a:xfrm>
            <a:off x="6223109" y="1125405"/>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29" name="Picture Placeholder 10">
            <a:extLst>
              <a:ext uri="{FF2B5EF4-FFF2-40B4-BE49-F238E27FC236}">
                <a16:creationId xmlns:a16="http://schemas.microsoft.com/office/drawing/2014/main" id="{1EEB6057-CF61-47A1-8D3B-A9763726F611}"/>
              </a:ext>
            </a:extLst>
          </p:cNvPr>
          <p:cNvSpPr>
            <a:spLocks noGrp="1"/>
          </p:cNvSpPr>
          <p:nvPr>
            <p:ph type="pic" sz="quarter" idx="16" hasCustomPrompt="1"/>
          </p:nvPr>
        </p:nvSpPr>
        <p:spPr>
          <a:xfrm>
            <a:off x="8662910" y="1125405"/>
            <a:ext cx="537516" cy="536970"/>
          </a:xfrm>
          <a:prstGeom prst="ellipse">
            <a:avLst/>
          </a:prstGeom>
          <a:solidFill>
            <a:schemeClr val="tx1"/>
          </a:solidFill>
        </p:spPr>
        <p:txBody>
          <a:bodyPr>
            <a:normAutofit/>
          </a:bodyPr>
          <a:lstStyle>
            <a:lvl1pPr marL="0" indent="0" algn="ctr" rtl="0">
              <a:buNone/>
              <a:defRPr sz="500"/>
            </a:lvl1pPr>
          </a:lstStyle>
          <a:p>
            <a:r>
              <a:rPr lang="fr-FR" dirty="0"/>
              <a:t>Picture</a:t>
            </a:r>
          </a:p>
          <a:p>
            <a:endParaRPr lang="fr-FR" dirty="0"/>
          </a:p>
        </p:txBody>
      </p:sp>
      <p:sp>
        <p:nvSpPr>
          <p:cNvPr id="30" name="Picture Placeholder 10">
            <a:extLst>
              <a:ext uri="{FF2B5EF4-FFF2-40B4-BE49-F238E27FC236}">
                <a16:creationId xmlns:a16="http://schemas.microsoft.com/office/drawing/2014/main" id="{03BD2BA6-012F-4C7B-9935-0A0FF955DB30}"/>
              </a:ext>
            </a:extLst>
          </p:cNvPr>
          <p:cNvSpPr>
            <a:spLocks noGrp="1"/>
          </p:cNvSpPr>
          <p:nvPr>
            <p:ph type="pic" sz="quarter" idx="17" hasCustomPrompt="1"/>
          </p:nvPr>
        </p:nvSpPr>
        <p:spPr>
          <a:xfrm>
            <a:off x="1343505" y="2156312"/>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31" name="Picture Placeholder 10">
            <a:extLst>
              <a:ext uri="{FF2B5EF4-FFF2-40B4-BE49-F238E27FC236}">
                <a16:creationId xmlns:a16="http://schemas.microsoft.com/office/drawing/2014/main" id="{8212F895-139A-4202-8B95-2C7A110D6760}"/>
              </a:ext>
            </a:extLst>
          </p:cNvPr>
          <p:cNvSpPr>
            <a:spLocks noGrp="1"/>
          </p:cNvSpPr>
          <p:nvPr>
            <p:ph type="pic" sz="quarter" idx="18" hasCustomPrompt="1"/>
          </p:nvPr>
        </p:nvSpPr>
        <p:spPr>
          <a:xfrm>
            <a:off x="3783307" y="2156312"/>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32" name="Picture Placeholder 10">
            <a:extLst>
              <a:ext uri="{FF2B5EF4-FFF2-40B4-BE49-F238E27FC236}">
                <a16:creationId xmlns:a16="http://schemas.microsoft.com/office/drawing/2014/main" id="{49B61935-611C-4306-A86C-ADAC9B00FAE3}"/>
              </a:ext>
            </a:extLst>
          </p:cNvPr>
          <p:cNvSpPr>
            <a:spLocks noGrp="1"/>
          </p:cNvSpPr>
          <p:nvPr>
            <p:ph type="pic" sz="quarter" idx="19" hasCustomPrompt="1"/>
          </p:nvPr>
        </p:nvSpPr>
        <p:spPr>
          <a:xfrm>
            <a:off x="6223109" y="2156312"/>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33" name="Picture Placeholder 10">
            <a:extLst>
              <a:ext uri="{FF2B5EF4-FFF2-40B4-BE49-F238E27FC236}">
                <a16:creationId xmlns:a16="http://schemas.microsoft.com/office/drawing/2014/main" id="{CEBAAD78-3A0A-4669-9779-D4D727D7F89A}"/>
              </a:ext>
            </a:extLst>
          </p:cNvPr>
          <p:cNvSpPr>
            <a:spLocks noGrp="1"/>
          </p:cNvSpPr>
          <p:nvPr>
            <p:ph type="pic" sz="quarter" idx="20" hasCustomPrompt="1"/>
          </p:nvPr>
        </p:nvSpPr>
        <p:spPr>
          <a:xfrm>
            <a:off x="8662910" y="2156312"/>
            <a:ext cx="537516" cy="536970"/>
          </a:xfrm>
          <a:prstGeom prst="ellipse">
            <a:avLst/>
          </a:prstGeom>
          <a:solidFill>
            <a:schemeClr val="tx1"/>
          </a:solidFill>
        </p:spPr>
        <p:txBody>
          <a:bodyPr>
            <a:normAutofit/>
          </a:bodyPr>
          <a:lstStyle>
            <a:lvl1pPr marL="0" indent="0" algn="ctr" rtl="0">
              <a:buNone/>
              <a:defRPr sz="500"/>
            </a:lvl1pPr>
          </a:lstStyle>
          <a:p>
            <a:r>
              <a:rPr lang="fr-FR" dirty="0"/>
              <a:t>Picture</a:t>
            </a:r>
          </a:p>
          <a:p>
            <a:endParaRPr lang="fr-FR" dirty="0"/>
          </a:p>
        </p:txBody>
      </p:sp>
      <p:sp>
        <p:nvSpPr>
          <p:cNvPr id="34" name="Picture Placeholder 10">
            <a:extLst>
              <a:ext uri="{FF2B5EF4-FFF2-40B4-BE49-F238E27FC236}">
                <a16:creationId xmlns:a16="http://schemas.microsoft.com/office/drawing/2014/main" id="{97EC4FAC-6170-4C75-A3FD-3A5D85AA3657}"/>
              </a:ext>
            </a:extLst>
          </p:cNvPr>
          <p:cNvSpPr>
            <a:spLocks noGrp="1"/>
          </p:cNvSpPr>
          <p:nvPr>
            <p:ph type="pic" sz="quarter" idx="21" hasCustomPrompt="1"/>
          </p:nvPr>
        </p:nvSpPr>
        <p:spPr>
          <a:xfrm>
            <a:off x="1343505" y="3201485"/>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35" name="Picture Placeholder 10">
            <a:extLst>
              <a:ext uri="{FF2B5EF4-FFF2-40B4-BE49-F238E27FC236}">
                <a16:creationId xmlns:a16="http://schemas.microsoft.com/office/drawing/2014/main" id="{2ACB2DC4-26F7-4BC8-88B7-078896321308}"/>
              </a:ext>
            </a:extLst>
          </p:cNvPr>
          <p:cNvSpPr>
            <a:spLocks noGrp="1"/>
          </p:cNvSpPr>
          <p:nvPr>
            <p:ph type="pic" sz="quarter" idx="22" hasCustomPrompt="1"/>
          </p:nvPr>
        </p:nvSpPr>
        <p:spPr>
          <a:xfrm>
            <a:off x="3783307" y="3201485"/>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36" name="Picture Placeholder 10">
            <a:extLst>
              <a:ext uri="{FF2B5EF4-FFF2-40B4-BE49-F238E27FC236}">
                <a16:creationId xmlns:a16="http://schemas.microsoft.com/office/drawing/2014/main" id="{5C281E6C-DED0-4B17-941E-210561539334}"/>
              </a:ext>
            </a:extLst>
          </p:cNvPr>
          <p:cNvSpPr>
            <a:spLocks noGrp="1"/>
          </p:cNvSpPr>
          <p:nvPr>
            <p:ph type="pic" sz="quarter" idx="23" hasCustomPrompt="1"/>
          </p:nvPr>
        </p:nvSpPr>
        <p:spPr>
          <a:xfrm>
            <a:off x="6223109" y="3201485"/>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37" name="Picture Placeholder 10">
            <a:extLst>
              <a:ext uri="{FF2B5EF4-FFF2-40B4-BE49-F238E27FC236}">
                <a16:creationId xmlns:a16="http://schemas.microsoft.com/office/drawing/2014/main" id="{8A43420A-D73B-4EB8-8CF4-AD69734CBCA1}"/>
              </a:ext>
            </a:extLst>
          </p:cNvPr>
          <p:cNvSpPr>
            <a:spLocks noGrp="1"/>
          </p:cNvSpPr>
          <p:nvPr>
            <p:ph type="pic" sz="quarter" idx="24" hasCustomPrompt="1"/>
          </p:nvPr>
        </p:nvSpPr>
        <p:spPr>
          <a:xfrm>
            <a:off x="8662910" y="3201485"/>
            <a:ext cx="537516" cy="536970"/>
          </a:xfrm>
          <a:prstGeom prst="ellipse">
            <a:avLst/>
          </a:prstGeom>
          <a:solidFill>
            <a:schemeClr val="tx1"/>
          </a:solidFill>
        </p:spPr>
        <p:txBody>
          <a:bodyPr>
            <a:normAutofit/>
          </a:bodyPr>
          <a:lstStyle>
            <a:lvl1pPr marL="0" indent="0" algn="ctr" rtl="0">
              <a:buNone/>
              <a:defRPr sz="500"/>
            </a:lvl1pPr>
          </a:lstStyle>
          <a:p>
            <a:r>
              <a:rPr lang="fr-FR" dirty="0"/>
              <a:t>Picture</a:t>
            </a:r>
          </a:p>
          <a:p>
            <a:endParaRPr lang="fr-FR" dirty="0"/>
          </a:p>
        </p:txBody>
      </p:sp>
      <p:sp>
        <p:nvSpPr>
          <p:cNvPr id="38" name="Picture Placeholder 10">
            <a:extLst>
              <a:ext uri="{FF2B5EF4-FFF2-40B4-BE49-F238E27FC236}">
                <a16:creationId xmlns:a16="http://schemas.microsoft.com/office/drawing/2014/main" id="{436394BF-0BE0-4580-9A4B-6C3F669CE74A}"/>
              </a:ext>
            </a:extLst>
          </p:cNvPr>
          <p:cNvSpPr>
            <a:spLocks noGrp="1"/>
          </p:cNvSpPr>
          <p:nvPr>
            <p:ph type="pic" sz="quarter" idx="25" hasCustomPrompt="1"/>
          </p:nvPr>
        </p:nvSpPr>
        <p:spPr>
          <a:xfrm>
            <a:off x="1343505" y="4246658"/>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39" name="Picture Placeholder 10">
            <a:extLst>
              <a:ext uri="{FF2B5EF4-FFF2-40B4-BE49-F238E27FC236}">
                <a16:creationId xmlns:a16="http://schemas.microsoft.com/office/drawing/2014/main" id="{6E2E6841-CA27-4420-B76E-77748104AF8C}"/>
              </a:ext>
            </a:extLst>
          </p:cNvPr>
          <p:cNvSpPr>
            <a:spLocks noGrp="1"/>
          </p:cNvSpPr>
          <p:nvPr>
            <p:ph type="pic" sz="quarter" idx="26" hasCustomPrompt="1"/>
          </p:nvPr>
        </p:nvSpPr>
        <p:spPr>
          <a:xfrm>
            <a:off x="3783307" y="4246658"/>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40" name="Picture Placeholder 10">
            <a:extLst>
              <a:ext uri="{FF2B5EF4-FFF2-40B4-BE49-F238E27FC236}">
                <a16:creationId xmlns:a16="http://schemas.microsoft.com/office/drawing/2014/main" id="{B27D8595-9D80-4B4E-ABD1-DC192925DAC7}"/>
              </a:ext>
            </a:extLst>
          </p:cNvPr>
          <p:cNvSpPr>
            <a:spLocks noGrp="1"/>
          </p:cNvSpPr>
          <p:nvPr>
            <p:ph type="pic" sz="quarter" idx="27" hasCustomPrompt="1"/>
          </p:nvPr>
        </p:nvSpPr>
        <p:spPr>
          <a:xfrm>
            <a:off x="6223109" y="4246658"/>
            <a:ext cx="537516" cy="536970"/>
          </a:xfrm>
          <a:prstGeom prst="ellipse">
            <a:avLst/>
          </a:prstGeom>
          <a:solidFill>
            <a:schemeClr val="tx1"/>
          </a:solidFill>
        </p:spPr>
        <p:txBody>
          <a:bodyPr>
            <a:normAutofit/>
          </a:bodyPr>
          <a:lstStyle>
            <a:lvl1pPr marL="0" indent="0" algn="ctr">
              <a:buNone/>
              <a:defRPr sz="500"/>
            </a:lvl1pPr>
          </a:lstStyle>
          <a:p>
            <a:r>
              <a:rPr lang="fr-FR" dirty="0"/>
              <a:t>Picture</a:t>
            </a:r>
          </a:p>
          <a:p>
            <a:endParaRPr lang="fr-FR" dirty="0"/>
          </a:p>
        </p:txBody>
      </p:sp>
      <p:sp>
        <p:nvSpPr>
          <p:cNvPr id="41" name="Picture Placeholder 10">
            <a:extLst>
              <a:ext uri="{FF2B5EF4-FFF2-40B4-BE49-F238E27FC236}">
                <a16:creationId xmlns:a16="http://schemas.microsoft.com/office/drawing/2014/main" id="{008D5C9F-A7BE-434D-8A2D-382361D56102}"/>
              </a:ext>
            </a:extLst>
          </p:cNvPr>
          <p:cNvSpPr>
            <a:spLocks noGrp="1"/>
          </p:cNvSpPr>
          <p:nvPr>
            <p:ph type="pic" sz="quarter" idx="28" hasCustomPrompt="1"/>
          </p:nvPr>
        </p:nvSpPr>
        <p:spPr>
          <a:xfrm>
            <a:off x="8662910" y="4246658"/>
            <a:ext cx="537516" cy="536970"/>
          </a:xfrm>
          <a:prstGeom prst="ellipse">
            <a:avLst/>
          </a:prstGeom>
          <a:solidFill>
            <a:schemeClr val="tx1"/>
          </a:solidFill>
        </p:spPr>
        <p:txBody>
          <a:bodyPr>
            <a:normAutofit/>
          </a:bodyPr>
          <a:lstStyle>
            <a:lvl1pPr marL="0" indent="0" algn="ctr" rtl="0">
              <a:buNone/>
              <a:defRPr sz="500"/>
            </a:lvl1pPr>
          </a:lstStyle>
          <a:p>
            <a:r>
              <a:rPr lang="fr-FR" dirty="0"/>
              <a:t>Picture</a:t>
            </a:r>
          </a:p>
          <a:p>
            <a:endParaRPr lang="fr-FR" dirty="0"/>
          </a:p>
        </p:txBody>
      </p:sp>
      <p:sp>
        <p:nvSpPr>
          <p:cNvPr id="42" name="Picture Placeholder 10">
            <a:extLst>
              <a:ext uri="{FF2B5EF4-FFF2-40B4-BE49-F238E27FC236}">
                <a16:creationId xmlns:a16="http://schemas.microsoft.com/office/drawing/2014/main" id="{352F1818-2397-4AFC-B47F-7932B5FE27DB}"/>
              </a:ext>
            </a:extLst>
          </p:cNvPr>
          <p:cNvSpPr>
            <a:spLocks noGrp="1"/>
          </p:cNvSpPr>
          <p:nvPr>
            <p:ph type="pic" sz="quarter" idx="29" hasCustomPrompt="1"/>
          </p:nvPr>
        </p:nvSpPr>
        <p:spPr>
          <a:xfrm>
            <a:off x="1343505" y="5273432"/>
            <a:ext cx="537516" cy="536970"/>
          </a:xfrm>
          <a:prstGeom prst="ellipse">
            <a:avLst/>
          </a:prstGeom>
          <a:solidFill>
            <a:schemeClr val="tx1"/>
          </a:solidFill>
        </p:spPr>
        <p:txBody>
          <a:bodyPr>
            <a:normAutofit/>
          </a:bodyPr>
          <a:lstStyle>
            <a:lvl1pPr marL="0" indent="0" algn="ctr" rtl="0">
              <a:buNone/>
              <a:defRPr sz="500"/>
            </a:lvl1pPr>
          </a:lstStyle>
          <a:p>
            <a:r>
              <a:rPr lang="fr-FR" dirty="0"/>
              <a:t>Picture</a:t>
            </a:r>
          </a:p>
          <a:p>
            <a:endParaRPr lang="fr-FR" dirty="0"/>
          </a:p>
        </p:txBody>
      </p:sp>
      <p:sp>
        <p:nvSpPr>
          <p:cNvPr id="43" name="Picture Placeholder 10">
            <a:extLst>
              <a:ext uri="{FF2B5EF4-FFF2-40B4-BE49-F238E27FC236}">
                <a16:creationId xmlns:a16="http://schemas.microsoft.com/office/drawing/2014/main" id="{B32CAC22-C1FC-4489-8212-D7CB7E687C3D}"/>
              </a:ext>
            </a:extLst>
          </p:cNvPr>
          <p:cNvSpPr>
            <a:spLocks noGrp="1"/>
          </p:cNvSpPr>
          <p:nvPr>
            <p:ph type="pic" sz="quarter" idx="30" hasCustomPrompt="1"/>
          </p:nvPr>
        </p:nvSpPr>
        <p:spPr>
          <a:xfrm>
            <a:off x="3783307" y="5273432"/>
            <a:ext cx="537516" cy="536970"/>
          </a:xfrm>
          <a:prstGeom prst="ellipse">
            <a:avLst/>
          </a:prstGeom>
          <a:solidFill>
            <a:schemeClr val="tx1"/>
          </a:solidFill>
        </p:spPr>
        <p:txBody>
          <a:bodyPr>
            <a:normAutofit/>
          </a:bodyPr>
          <a:lstStyle>
            <a:lvl1pPr marL="0" indent="0" algn="ctr" rtl="0">
              <a:buNone/>
              <a:defRPr sz="500"/>
            </a:lvl1pPr>
          </a:lstStyle>
          <a:p>
            <a:r>
              <a:rPr lang="fr-FR" dirty="0"/>
              <a:t>Picture</a:t>
            </a:r>
          </a:p>
          <a:p>
            <a:endParaRPr lang="fr-FR" dirty="0"/>
          </a:p>
        </p:txBody>
      </p:sp>
      <p:sp>
        <p:nvSpPr>
          <p:cNvPr id="44" name="Picture Placeholder 10">
            <a:extLst>
              <a:ext uri="{FF2B5EF4-FFF2-40B4-BE49-F238E27FC236}">
                <a16:creationId xmlns:a16="http://schemas.microsoft.com/office/drawing/2014/main" id="{B56CC017-012F-4974-9E86-201FB003BE61}"/>
              </a:ext>
            </a:extLst>
          </p:cNvPr>
          <p:cNvSpPr>
            <a:spLocks noGrp="1"/>
          </p:cNvSpPr>
          <p:nvPr>
            <p:ph type="pic" sz="quarter" idx="31" hasCustomPrompt="1"/>
          </p:nvPr>
        </p:nvSpPr>
        <p:spPr>
          <a:xfrm>
            <a:off x="6223109" y="5273432"/>
            <a:ext cx="537516" cy="536970"/>
          </a:xfrm>
          <a:prstGeom prst="ellipse">
            <a:avLst/>
          </a:prstGeom>
          <a:solidFill>
            <a:schemeClr val="tx1"/>
          </a:solidFill>
        </p:spPr>
        <p:txBody>
          <a:bodyPr>
            <a:normAutofit/>
          </a:bodyPr>
          <a:lstStyle>
            <a:lvl1pPr marL="0" indent="0" algn="ctr" rtl="0">
              <a:buNone/>
              <a:defRPr sz="500"/>
            </a:lvl1pPr>
          </a:lstStyle>
          <a:p>
            <a:r>
              <a:rPr lang="fr-FR" dirty="0"/>
              <a:t>Picture</a:t>
            </a:r>
          </a:p>
          <a:p>
            <a:endParaRPr lang="fr-FR" dirty="0"/>
          </a:p>
        </p:txBody>
      </p:sp>
      <p:sp>
        <p:nvSpPr>
          <p:cNvPr id="45" name="Picture Placeholder 10">
            <a:extLst>
              <a:ext uri="{FF2B5EF4-FFF2-40B4-BE49-F238E27FC236}">
                <a16:creationId xmlns:a16="http://schemas.microsoft.com/office/drawing/2014/main" id="{9C7581D8-3435-4480-BB56-69621A99B889}"/>
              </a:ext>
            </a:extLst>
          </p:cNvPr>
          <p:cNvSpPr>
            <a:spLocks noGrp="1"/>
          </p:cNvSpPr>
          <p:nvPr>
            <p:ph type="pic" sz="quarter" idx="32" hasCustomPrompt="1"/>
          </p:nvPr>
        </p:nvSpPr>
        <p:spPr>
          <a:xfrm>
            <a:off x="8662910" y="5273432"/>
            <a:ext cx="537516" cy="536970"/>
          </a:xfrm>
          <a:prstGeom prst="ellipse">
            <a:avLst/>
          </a:prstGeom>
          <a:solidFill>
            <a:schemeClr val="tx1"/>
          </a:solidFill>
        </p:spPr>
        <p:txBody>
          <a:bodyPr>
            <a:normAutofit/>
          </a:bodyPr>
          <a:lstStyle>
            <a:lvl1pPr marL="0" indent="0" algn="ctr" rtl="0">
              <a:buNone/>
              <a:defRPr sz="500"/>
            </a:lvl1pPr>
          </a:lstStyle>
          <a:p>
            <a:r>
              <a:rPr lang="fr-FR" dirty="0"/>
              <a:t>Picture</a:t>
            </a:r>
          </a:p>
          <a:p>
            <a:endParaRPr lang="fr-FR" dirty="0"/>
          </a:p>
        </p:txBody>
      </p:sp>
    </p:spTree>
    <p:extLst>
      <p:ext uri="{BB962C8B-B14F-4D97-AF65-F5344CB8AC3E}">
        <p14:creationId xmlns:p14="http://schemas.microsoft.com/office/powerpoint/2010/main" val="3457344779"/>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Team 4">
    <p:spTree>
      <p:nvGrpSpPr>
        <p:cNvPr id="1" name=""/>
        <p:cNvGrpSpPr/>
        <p:nvPr/>
      </p:nvGrpSpPr>
      <p:grpSpPr>
        <a:xfrm>
          <a:off x="0" y="0"/>
          <a:ext cx="0" cy="0"/>
          <a:chOff x="0" y="0"/>
          <a:chExt cx="0" cy="0"/>
        </a:xfrm>
      </p:grpSpPr>
      <p:sp>
        <p:nvSpPr>
          <p:cNvPr id="11" name="Picture Placeholder 10">
            <a:extLst>
              <a:ext uri="{FF2B5EF4-FFF2-40B4-BE49-F238E27FC236}">
                <a16:creationId xmlns:a16="http://schemas.microsoft.com/office/drawing/2014/main" id="{77B4F1CB-95E7-41BB-84CD-811F727BAF3E}"/>
              </a:ext>
            </a:extLst>
          </p:cNvPr>
          <p:cNvSpPr>
            <a:spLocks noGrp="1"/>
          </p:cNvSpPr>
          <p:nvPr>
            <p:ph type="pic" sz="quarter" idx="10" hasCustomPrompt="1"/>
          </p:nvPr>
        </p:nvSpPr>
        <p:spPr>
          <a:xfrm>
            <a:off x="1357314" y="2142548"/>
            <a:ext cx="2036618" cy="2597727"/>
          </a:xfrm>
          <a:prstGeom prst="rect">
            <a:avLst/>
          </a:prstGeom>
          <a:solidFill>
            <a:schemeClr val="tx1"/>
          </a:solidFill>
        </p:spPr>
        <p:txBody>
          <a:bodyPr/>
          <a:lstStyle>
            <a:lvl1pPr marL="0" indent="0" algn="ctr">
              <a:buNone/>
              <a:defRPr sz="1600"/>
            </a:lvl1pPr>
          </a:lstStyle>
          <a:p>
            <a:r>
              <a:rPr lang="fr-FR" dirty="0"/>
              <a:t>	</a:t>
            </a:r>
          </a:p>
          <a:p>
            <a:endParaRPr lang="fr-FR" dirty="0"/>
          </a:p>
          <a:p>
            <a:endParaRPr lang="fr-FR" dirty="0"/>
          </a:p>
          <a:p>
            <a:r>
              <a:rPr lang="fr-FR" dirty="0"/>
              <a:t>PICTURE</a:t>
            </a:r>
          </a:p>
        </p:txBody>
      </p:sp>
      <p:sp>
        <p:nvSpPr>
          <p:cNvPr id="12" name="Picture Placeholder 10">
            <a:extLst>
              <a:ext uri="{FF2B5EF4-FFF2-40B4-BE49-F238E27FC236}">
                <a16:creationId xmlns:a16="http://schemas.microsoft.com/office/drawing/2014/main" id="{2A54250B-4272-4700-9E95-FBE4CD93773E}"/>
              </a:ext>
            </a:extLst>
          </p:cNvPr>
          <p:cNvSpPr>
            <a:spLocks noGrp="1"/>
          </p:cNvSpPr>
          <p:nvPr>
            <p:ph type="pic" sz="quarter" idx="11" hasCustomPrompt="1"/>
          </p:nvPr>
        </p:nvSpPr>
        <p:spPr>
          <a:xfrm>
            <a:off x="3827255" y="2142548"/>
            <a:ext cx="2036618" cy="2597727"/>
          </a:xfrm>
          <a:prstGeom prst="rect">
            <a:avLst/>
          </a:prstGeom>
          <a:solidFill>
            <a:schemeClr val="tx1"/>
          </a:solidFill>
        </p:spPr>
        <p:txBody>
          <a:bodyPr/>
          <a:lstStyle>
            <a:lvl1pPr marL="0" indent="0" algn="ctr" rtl="0">
              <a:buNone/>
              <a:defRPr sz="1600"/>
            </a:lvl1pPr>
          </a:lstStyle>
          <a:p>
            <a:r>
              <a:rPr lang="fr-FR" dirty="0"/>
              <a:t>	</a:t>
            </a:r>
          </a:p>
          <a:p>
            <a:endParaRPr lang="fr-FR" dirty="0"/>
          </a:p>
          <a:p>
            <a:endParaRPr lang="fr-FR" dirty="0"/>
          </a:p>
          <a:p>
            <a:r>
              <a:rPr lang="fr-FR" dirty="0"/>
              <a:t>PICTURE</a:t>
            </a:r>
          </a:p>
        </p:txBody>
      </p:sp>
      <p:sp>
        <p:nvSpPr>
          <p:cNvPr id="13" name="Picture Placeholder 10">
            <a:extLst>
              <a:ext uri="{FF2B5EF4-FFF2-40B4-BE49-F238E27FC236}">
                <a16:creationId xmlns:a16="http://schemas.microsoft.com/office/drawing/2014/main" id="{63F891ED-CFDF-48EE-BC3D-74230214B071}"/>
              </a:ext>
            </a:extLst>
          </p:cNvPr>
          <p:cNvSpPr>
            <a:spLocks noGrp="1"/>
          </p:cNvSpPr>
          <p:nvPr>
            <p:ph type="pic" sz="quarter" idx="12" hasCustomPrompt="1"/>
          </p:nvPr>
        </p:nvSpPr>
        <p:spPr>
          <a:xfrm>
            <a:off x="6329860" y="2142548"/>
            <a:ext cx="2036618" cy="2597727"/>
          </a:xfrm>
          <a:prstGeom prst="rect">
            <a:avLst/>
          </a:prstGeom>
          <a:solidFill>
            <a:schemeClr val="tx1"/>
          </a:solidFill>
        </p:spPr>
        <p:txBody>
          <a:bodyPr/>
          <a:lstStyle>
            <a:lvl1pPr marL="0" indent="0" algn="ctr" rtl="0">
              <a:buNone/>
              <a:defRPr sz="1600"/>
            </a:lvl1pPr>
          </a:lstStyle>
          <a:p>
            <a:r>
              <a:rPr lang="fr-FR" dirty="0"/>
              <a:t>	</a:t>
            </a:r>
          </a:p>
          <a:p>
            <a:endParaRPr lang="fr-FR" dirty="0"/>
          </a:p>
          <a:p>
            <a:endParaRPr lang="fr-FR" dirty="0"/>
          </a:p>
          <a:p>
            <a:r>
              <a:rPr lang="fr-FR" dirty="0"/>
              <a:t>PICTURE</a:t>
            </a:r>
          </a:p>
        </p:txBody>
      </p:sp>
      <p:sp>
        <p:nvSpPr>
          <p:cNvPr id="14" name="Picture Placeholder 10">
            <a:extLst>
              <a:ext uri="{FF2B5EF4-FFF2-40B4-BE49-F238E27FC236}">
                <a16:creationId xmlns:a16="http://schemas.microsoft.com/office/drawing/2014/main" id="{7427D460-C8D5-4849-98E7-5367CC0527B3}"/>
              </a:ext>
            </a:extLst>
          </p:cNvPr>
          <p:cNvSpPr>
            <a:spLocks noGrp="1"/>
          </p:cNvSpPr>
          <p:nvPr>
            <p:ph type="pic" sz="quarter" idx="13" hasCustomPrompt="1"/>
          </p:nvPr>
        </p:nvSpPr>
        <p:spPr>
          <a:xfrm>
            <a:off x="8810626" y="2142548"/>
            <a:ext cx="2036618" cy="2597727"/>
          </a:xfrm>
          <a:prstGeom prst="rect">
            <a:avLst/>
          </a:prstGeom>
          <a:solidFill>
            <a:schemeClr val="tx1"/>
          </a:solidFill>
        </p:spPr>
        <p:txBody>
          <a:bodyPr/>
          <a:lstStyle>
            <a:lvl1pPr marL="0" indent="0" algn="ctr" rtl="0">
              <a:buNone/>
              <a:defRPr sz="1600"/>
            </a:lvl1pPr>
          </a:lstStyle>
          <a:p>
            <a:r>
              <a:rPr lang="fr-FR" dirty="0"/>
              <a:t>	</a:t>
            </a:r>
          </a:p>
          <a:p>
            <a:endParaRPr lang="fr-FR" dirty="0"/>
          </a:p>
          <a:p>
            <a:endParaRPr lang="fr-FR" dirty="0"/>
          </a:p>
          <a:p>
            <a:r>
              <a:rPr lang="fr-FR" dirty="0"/>
              <a:t>PICTURE</a:t>
            </a:r>
          </a:p>
        </p:txBody>
      </p:sp>
    </p:spTree>
    <p:extLst>
      <p:ext uri="{BB962C8B-B14F-4D97-AF65-F5344CB8AC3E}">
        <p14:creationId xmlns:p14="http://schemas.microsoft.com/office/powerpoint/2010/main" val="19953449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Team presentation">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D0AF8791-9D94-4BF7-908B-96C3B4C29294}"/>
              </a:ext>
            </a:extLst>
          </p:cNvPr>
          <p:cNvSpPr>
            <a:spLocks noGrp="1"/>
          </p:cNvSpPr>
          <p:nvPr>
            <p:ph type="pic" sz="quarter" idx="10" hasCustomPrompt="1"/>
          </p:nvPr>
        </p:nvSpPr>
        <p:spPr>
          <a:xfrm>
            <a:off x="1357314" y="800100"/>
            <a:ext cx="3839072" cy="5257800"/>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2709354421"/>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Container 1">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8AC4AD57-0BE9-49C6-825B-E9FA1F1C631B}"/>
              </a:ext>
            </a:extLst>
          </p:cNvPr>
          <p:cNvSpPr>
            <a:spLocks noGrp="1"/>
          </p:cNvSpPr>
          <p:nvPr>
            <p:ph type="pic" sz="quarter" idx="10" hasCustomPrompt="1"/>
          </p:nvPr>
        </p:nvSpPr>
        <p:spPr>
          <a:xfrm>
            <a:off x="1357313" y="2333624"/>
            <a:ext cx="9491659" cy="3724276"/>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3997028592"/>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Container 2">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7716262" y="0"/>
            <a:ext cx="4475737" cy="6858000"/>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2917564893"/>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Container 3">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0" y="0"/>
            <a:ext cx="6096000" cy="6858000"/>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3915829521"/>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Container 4">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6096000" y="0"/>
            <a:ext cx="6096000" cy="6858000"/>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29034297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Container 5">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427128" y="552450"/>
            <a:ext cx="8680183" cy="5753100"/>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149004184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ACEFA39-17E9-A544-B4BF-B332F79DD75F}"/>
              </a:ext>
            </a:extLst>
          </p:cNvPr>
          <p:cNvSpPr>
            <a:spLocks noGrp="1"/>
          </p:cNvSpPr>
          <p:nvPr>
            <p:ph type="title"/>
          </p:nvPr>
        </p:nvSpPr>
        <p:spPr>
          <a:xfrm>
            <a:off x="831850" y="1709738"/>
            <a:ext cx="10515600" cy="2852737"/>
          </a:xfrm>
        </p:spPr>
        <p:txBody>
          <a:bodyPr anchor="b"/>
          <a:lstStyle>
            <a:lvl1pPr>
              <a:defRPr sz="6000"/>
            </a:lvl1pPr>
          </a:lstStyle>
          <a:p>
            <a:r>
              <a:rPr lang="en-GB"/>
              <a:t>Click to edit Master title style</a:t>
            </a:r>
            <a:endParaRPr lang="en-US"/>
          </a:p>
        </p:txBody>
      </p:sp>
      <p:sp>
        <p:nvSpPr>
          <p:cNvPr id="3" name="Text Placeholder 2">
            <a:extLst>
              <a:ext uri="{FF2B5EF4-FFF2-40B4-BE49-F238E27FC236}">
                <a16:creationId xmlns:a16="http://schemas.microsoft.com/office/drawing/2014/main" id="{BDD9781A-D7CF-6E47-AE99-6CCED009217D}"/>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GB"/>
              <a:t>Click to edit Master text styles</a:t>
            </a:r>
          </a:p>
        </p:txBody>
      </p:sp>
      <p:sp>
        <p:nvSpPr>
          <p:cNvPr id="4" name="Date Placeholder 3">
            <a:extLst>
              <a:ext uri="{FF2B5EF4-FFF2-40B4-BE49-F238E27FC236}">
                <a16:creationId xmlns:a16="http://schemas.microsoft.com/office/drawing/2014/main" id="{18DDAFC8-4C9C-1B4D-9BC1-FE0DDCDE351E}"/>
              </a:ext>
            </a:extLst>
          </p:cNvPr>
          <p:cNvSpPr>
            <a:spLocks noGrp="1"/>
          </p:cNvSpPr>
          <p:nvPr>
            <p:ph type="dt" sz="half" idx="10"/>
          </p:nvPr>
        </p:nvSpPr>
        <p:spPr/>
        <p:txBody>
          <a:bodyPr/>
          <a:lstStyle/>
          <a:p>
            <a:fld id="{0A36DCB3-0997-440C-83EC-CA0438C602F5}" type="datetime1">
              <a:rPr lang="en-US" smtClean="0"/>
              <a:t>6/3/2022</a:t>
            </a:fld>
            <a:endParaRPr lang="en-US"/>
          </a:p>
        </p:txBody>
      </p:sp>
      <p:sp>
        <p:nvSpPr>
          <p:cNvPr id="5" name="Footer Placeholder 4">
            <a:extLst>
              <a:ext uri="{FF2B5EF4-FFF2-40B4-BE49-F238E27FC236}">
                <a16:creationId xmlns:a16="http://schemas.microsoft.com/office/drawing/2014/main" id="{F795E0AB-8F89-9446-A261-9641079526EC}"/>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27343E66-D5D9-794E-B83C-EE4EEE0EDDCD}"/>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950130957"/>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Good morning">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1343025" y="800098"/>
            <a:ext cx="5329238" cy="5257801"/>
          </a:xfrm>
          <a:prstGeom prst="rect">
            <a:avLst/>
          </a:prstGeom>
          <a:solidFill>
            <a:schemeClr val="tx1"/>
          </a:solidFill>
        </p:spPr>
        <p:txBody>
          <a:bodyPr/>
          <a:lstStyle>
            <a:lvl1pPr marL="0" indent="0" algn="ctr">
              <a:buNone/>
              <a:defRPr sz="2400"/>
            </a:lvl1pPr>
          </a:lstStyle>
          <a:p>
            <a:r>
              <a:rPr lang="fr-FR" dirty="0"/>
              <a:t>	</a:t>
            </a:r>
          </a:p>
          <a:p>
            <a:endParaRPr lang="fr-FR" dirty="0"/>
          </a:p>
          <a:p>
            <a:endParaRPr lang="fr-FR" dirty="0"/>
          </a:p>
          <a:p>
            <a:endParaRPr lang="fr-FR" dirty="0"/>
          </a:p>
          <a:p>
            <a:r>
              <a:rPr lang="fr-FR" dirty="0"/>
              <a:t>PICTURE</a:t>
            </a:r>
          </a:p>
        </p:txBody>
      </p:sp>
    </p:spTree>
    <p:extLst>
      <p:ext uri="{BB962C8B-B14F-4D97-AF65-F5344CB8AC3E}">
        <p14:creationId xmlns:p14="http://schemas.microsoft.com/office/powerpoint/2010/main" val="3884370647"/>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Bokey">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1343025" y="800098"/>
            <a:ext cx="2987055" cy="3641271"/>
          </a:xfrm>
          <a:prstGeom prst="rect">
            <a:avLst/>
          </a:prstGeom>
          <a:solidFill>
            <a:schemeClr val="tx1"/>
          </a:solidFill>
        </p:spPr>
        <p:txBody>
          <a:bodyPr/>
          <a:lstStyle>
            <a:lvl1pPr marL="0" indent="0" algn="ctr">
              <a:buNone/>
              <a:defRPr sz="2400"/>
            </a:lvl1pPr>
          </a:lstStyle>
          <a:p>
            <a:r>
              <a:rPr lang="fr-FR" dirty="0"/>
              <a:t>	</a:t>
            </a:r>
          </a:p>
          <a:p>
            <a:endParaRPr lang="fr-FR" dirty="0"/>
          </a:p>
          <a:p>
            <a:r>
              <a:rPr lang="fr-FR" dirty="0"/>
              <a:t>PICTURE</a:t>
            </a:r>
          </a:p>
        </p:txBody>
      </p:sp>
      <p:sp>
        <p:nvSpPr>
          <p:cNvPr id="6" name="Picture Placeholder 10">
            <a:extLst>
              <a:ext uri="{FF2B5EF4-FFF2-40B4-BE49-F238E27FC236}">
                <a16:creationId xmlns:a16="http://schemas.microsoft.com/office/drawing/2014/main" id="{72855E4E-0C63-46F6-AF74-7985B3D2289C}"/>
              </a:ext>
            </a:extLst>
          </p:cNvPr>
          <p:cNvSpPr>
            <a:spLocks noGrp="1"/>
          </p:cNvSpPr>
          <p:nvPr>
            <p:ph type="pic" sz="quarter" idx="11" hasCustomPrompt="1"/>
          </p:nvPr>
        </p:nvSpPr>
        <p:spPr>
          <a:xfrm>
            <a:off x="4568184" y="800098"/>
            <a:ext cx="2987057" cy="3641271"/>
          </a:xfrm>
          <a:prstGeom prst="rect">
            <a:avLst/>
          </a:prstGeom>
          <a:solidFill>
            <a:schemeClr val="tx1"/>
          </a:solidFill>
        </p:spPr>
        <p:txBody>
          <a:bodyPr/>
          <a:lstStyle>
            <a:lvl1pPr marL="0" indent="0" algn="ctr" rtl="0">
              <a:buNone/>
              <a:defRPr sz="2400"/>
            </a:lvl1pPr>
          </a:lstStyle>
          <a:p>
            <a:r>
              <a:rPr lang="fr-FR" dirty="0"/>
              <a:t>	</a:t>
            </a:r>
          </a:p>
          <a:p>
            <a:endParaRPr lang="fr-FR" dirty="0"/>
          </a:p>
          <a:p>
            <a:r>
              <a:rPr lang="fr-FR" dirty="0"/>
              <a:t>PICTURE</a:t>
            </a:r>
          </a:p>
        </p:txBody>
      </p:sp>
      <p:sp>
        <p:nvSpPr>
          <p:cNvPr id="8" name="Picture Placeholder 10">
            <a:extLst>
              <a:ext uri="{FF2B5EF4-FFF2-40B4-BE49-F238E27FC236}">
                <a16:creationId xmlns:a16="http://schemas.microsoft.com/office/drawing/2014/main" id="{0555A4FC-4CCB-4761-BA47-6EF02177460A}"/>
              </a:ext>
            </a:extLst>
          </p:cNvPr>
          <p:cNvSpPr>
            <a:spLocks noGrp="1"/>
          </p:cNvSpPr>
          <p:nvPr>
            <p:ph type="pic" sz="quarter" idx="12" hasCustomPrompt="1"/>
          </p:nvPr>
        </p:nvSpPr>
        <p:spPr>
          <a:xfrm>
            <a:off x="7793346" y="800098"/>
            <a:ext cx="3055627" cy="3641271"/>
          </a:xfrm>
          <a:prstGeom prst="rect">
            <a:avLst/>
          </a:prstGeom>
          <a:solidFill>
            <a:schemeClr val="tx1"/>
          </a:solidFill>
        </p:spPr>
        <p:txBody>
          <a:bodyPr/>
          <a:lstStyle>
            <a:lvl1pPr marL="0" indent="0" algn="ctr" rtl="0">
              <a:buNone/>
              <a:defRPr sz="2400"/>
            </a:lvl1pPr>
          </a:lstStyle>
          <a:p>
            <a:r>
              <a:rPr lang="fr-FR" dirty="0"/>
              <a:t>	</a:t>
            </a:r>
          </a:p>
          <a:p>
            <a:endParaRPr lang="fr-FR" dirty="0"/>
          </a:p>
          <a:p>
            <a:r>
              <a:rPr lang="fr-FR" dirty="0"/>
              <a:t>PICTURE</a:t>
            </a:r>
          </a:p>
        </p:txBody>
      </p:sp>
    </p:spTree>
    <p:extLst>
      <p:ext uri="{BB962C8B-B14F-4D97-AF65-F5344CB8AC3E}">
        <p14:creationId xmlns:p14="http://schemas.microsoft.com/office/powerpoint/2010/main" val="791480196"/>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Container 6">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1343025" y="1160463"/>
            <a:ext cx="4752975" cy="4645024"/>
          </a:xfrm>
          <a:prstGeom prst="rect">
            <a:avLst/>
          </a:prstGeom>
          <a:solidFill>
            <a:schemeClr val="tx1"/>
          </a:solidFill>
        </p:spPr>
        <p:txBody>
          <a:bodyPr/>
          <a:lstStyle>
            <a:lvl1pPr marL="0" indent="0" algn="ctr">
              <a:buNone/>
              <a:defRPr sz="2400"/>
            </a:lvl1pPr>
          </a:lstStyle>
          <a:p>
            <a:r>
              <a:rPr lang="fr-FR" dirty="0"/>
              <a:t>	</a:t>
            </a:r>
          </a:p>
          <a:p>
            <a:endParaRPr lang="fr-FR" dirty="0"/>
          </a:p>
          <a:p>
            <a:r>
              <a:rPr lang="fr-FR" dirty="0"/>
              <a:t>PICTURE</a:t>
            </a:r>
          </a:p>
        </p:txBody>
      </p:sp>
    </p:spTree>
    <p:extLst>
      <p:ext uri="{BB962C8B-B14F-4D97-AF65-F5344CB8AC3E}">
        <p14:creationId xmlns:p14="http://schemas.microsoft.com/office/powerpoint/2010/main" val="2809664768"/>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Container 7">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0" y="0"/>
            <a:ext cx="696687" cy="6858000"/>
          </a:xfrm>
          <a:prstGeom prst="rect">
            <a:avLst/>
          </a:prstGeom>
          <a:solidFill>
            <a:schemeClr val="tx1"/>
          </a:solidFill>
        </p:spPr>
        <p:txBody>
          <a:bodyPr/>
          <a:lstStyle>
            <a:lvl1pPr marL="0" indent="0" algn="ctr">
              <a:buNone/>
              <a:defRPr sz="1000"/>
            </a:lvl1pPr>
          </a:lstStyle>
          <a:p>
            <a:r>
              <a:rPr lang="fr-FR" dirty="0"/>
              <a:t>	</a:t>
            </a:r>
          </a:p>
          <a:p>
            <a:endParaRPr lang="fr-FR" dirty="0"/>
          </a:p>
          <a:p>
            <a:r>
              <a:rPr lang="fr-FR" dirty="0"/>
              <a:t>PICTURE</a:t>
            </a:r>
          </a:p>
        </p:txBody>
      </p:sp>
    </p:spTree>
    <p:extLst>
      <p:ext uri="{BB962C8B-B14F-4D97-AF65-F5344CB8AC3E}">
        <p14:creationId xmlns:p14="http://schemas.microsoft.com/office/powerpoint/2010/main" val="238493428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Container 8">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489629" y="2227731"/>
            <a:ext cx="2487528" cy="1652918"/>
          </a:xfrm>
          <a:prstGeom prst="rect">
            <a:avLst/>
          </a:prstGeom>
          <a:solidFill>
            <a:schemeClr val="tx1"/>
          </a:solidFill>
        </p:spPr>
        <p:txBody>
          <a:bodyPr/>
          <a:lstStyle>
            <a:lvl1pPr marL="0" indent="0" algn="ctr">
              <a:buNone/>
              <a:defRPr sz="1000"/>
            </a:lvl1pPr>
          </a:lstStyle>
          <a:p>
            <a:r>
              <a:rPr lang="fr-FR" dirty="0"/>
              <a:t>	</a:t>
            </a:r>
          </a:p>
          <a:p>
            <a:endParaRPr lang="fr-FR" dirty="0"/>
          </a:p>
          <a:p>
            <a:r>
              <a:rPr lang="fr-FR" dirty="0"/>
              <a:t>PICTURE</a:t>
            </a:r>
          </a:p>
        </p:txBody>
      </p:sp>
      <p:sp>
        <p:nvSpPr>
          <p:cNvPr id="8" name="Picture Placeholder 10">
            <a:extLst>
              <a:ext uri="{FF2B5EF4-FFF2-40B4-BE49-F238E27FC236}">
                <a16:creationId xmlns:a16="http://schemas.microsoft.com/office/drawing/2014/main" id="{3C87B226-FB09-4A65-8099-8300B588C926}"/>
              </a:ext>
            </a:extLst>
          </p:cNvPr>
          <p:cNvSpPr>
            <a:spLocks noGrp="1"/>
          </p:cNvSpPr>
          <p:nvPr>
            <p:ph type="pic" sz="quarter" idx="11" hasCustomPrompt="1"/>
          </p:nvPr>
        </p:nvSpPr>
        <p:spPr>
          <a:xfrm>
            <a:off x="3398028" y="2227731"/>
            <a:ext cx="2487528" cy="1652918"/>
          </a:xfrm>
          <a:prstGeom prst="rect">
            <a:avLst/>
          </a:prstGeom>
          <a:solidFill>
            <a:schemeClr val="tx1"/>
          </a:solidFill>
        </p:spPr>
        <p:txBody>
          <a:bodyPr/>
          <a:lstStyle>
            <a:lvl1pPr marL="0" indent="0" algn="ctr">
              <a:buNone/>
              <a:defRPr sz="1000"/>
            </a:lvl1pPr>
          </a:lstStyle>
          <a:p>
            <a:r>
              <a:rPr lang="fr-FR" dirty="0"/>
              <a:t>	</a:t>
            </a:r>
          </a:p>
          <a:p>
            <a:endParaRPr lang="fr-FR" dirty="0"/>
          </a:p>
          <a:p>
            <a:r>
              <a:rPr lang="fr-FR" dirty="0"/>
              <a:t>PICTURE</a:t>
            </a:r>
          </a:p>
        </p:txBody>
      </p:sp>
      <p:sp>
        <p:nvSpPr>
          <p:cNvPr id="9" name="Picture Placeholder 10">
            <a:extLst>
              <a:ext uri="{FF2B5EF4-FFF2-40B4-BE49-F238E27FC236}">
                <a16:creationId xmlns:a16="http://schemas.microsoft.com/office/drawing/2014/main" id="{2DB8703F-F124-4DFE-A671-6E977F384329}"/>
              </a:ext>
            </a:extLst>
          </p:cNvPr>
          <p:cNvSpPr>
            <a:spLocks noGrp="1"/>
          </p:cNvSpPr>
          <p:nvPr>
            <p:ph type="pic" sz="quarter" idx="12" hasCustomPrompt="1"/>
          </p:nvPr>
        </p:nvSpPr>
        <p:spPr>
          <a:xfrm>
            <a:off x="6306426" y="2227731"/>
            <a:ext cx="2487528" cy="1652918"/>
          </a:xfrm>
          <a:prstGeom prst="rect">
            <a:avLst/>
          </a:prstGeom>
          <a:solidFill>
            <a:schemeClr val="tx1"/>
          </a:solidFill>
        </p:spPr>
        <p:txBody>
          <a:bodyPr/>
          <a:lstStyle>
            <a:lvl1pPr marL="0" indent="0" algn="ctr">
              <a:buNone/>
              <a:defRPr sz="1000"/>
            </a:lvl1pPr>
          </a:lstStyle>
          <a:p>
            <a:r>
              <a:rPr lang="fr-FR" dirty="0"/>
              <a:t>	</a:t>
            </a:r>
          </a:p>
          <a:p>
            <a:endParaRPr lang="fr-FR" dirty="0"/>
          </a:p>
          <a:p>
            <a:r>
              <a:rPr lang="fr-FR" dirty="0"/>
              <a:t>PICTURE</a:t>
            </a:r>
          </a:p>
        </p:txBody>
      </p:sp>
      <p:sp>
        <p:nvSpPr>
          <p:cNvPr id="10" name="Picture Placeholder 10">
            <a:extLst>
              <a:ext uri="{FF2B5EF4-FFF2-40B4-BE49-F238E27FC236}">
                <a16:creationId xmlns:a16="http://schemas.microsoft.com/office/drawing/2014/main" id="{92671105-6192-46DB-B120-D59094B55A07}"/>
              </a:ext>
            </a:extLst>
          </p:cNvPr>
          <p:cNvSpPr>
            <a:spLocks noGrp="1"/>
          </p:cNvSpPr>
          <p:nvPr>
            <p:ph type="pic" sz="quarter" idx="13" hasCustomPrompt="1"/>
          </p:nvPr>
        </p:nvSpPr>
        <p:spPr>
          <a:xfrm>
            <a:off x="9214824" y="2227731"/>
            <a:ext cx="2487528" cy="1652918"/>
          </a:xfrm>
          <a:prstGeom prst="rect">
            <a:avLst/>
          </a:prstGeom>
          <a:solidFill>
            <a:schemeClr val="tx1"/>
          </a:solidFill>
        </p:spPr>
        <p:txBody>
          <a:bodyPr/>
          <a:lstStyle>
            <a:lvl1pPr marL="0" indent="0" algn="ctr">
              <a:buNone/>
              <a:defRPr sz="1000"/>
            </a:lvl1pPr>
          </a:lstStyle>
          <a:p>
            <a:r>
              <a:rPr lang="fr-FR" dirty="0"/>
              <a:t>	</a:t>
            </a:r>
          </a:p>
          <a:p>
            <a:endParaRPr lang="fr-FR" dirty="0"/>
          </a:p>
          <a:p>
            <a:r>
              <a:rPr lang="fr-FR" dirty="0"/>
              <a:t>PICTURE</a:t>
            </a:r>
          </a:p>
        </p:txBody>
      </p:sp>
    </p:spTree>
    <p:extLst>
      <p:ext uri="{BB962C8B-B14F-4D97-AF65-F5344CB8AC3E}">
        <p14:creationId xmlns:p14="http://schemas.microsoft.com/office/powerpoint/2010/main" val="188788042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Container 9">
    <p:spTree>
      <p:nvGrpSpPr>
        <p:cNvPr id="1" name=""/>
        <p:cNvGrpSpPr/>
        <p:nvPr/>
      </p:nvGrpSpPr>
      <p:grpSpPr>
        <a:xfrm>
          <a:off x="0" y="0"/>
          <a:ext cx="0" cy="0"/>
          <a:chOff x="0" y="0"/>
          <a:chExt cx="0" cy="0"/>
        </a:xfrm>
      </p:grpSpPr>
      <p:sp>
        <p:nvSpPr>
          <p:cNvPr id="7" name="Picture Placeholder 10">
            <a:extLst>
              <a:ext uri="{FF2B5EF4-FFF2-40B4-BE49-F238E27FC236}">
                <a16:creationId xmlns:a16="http://schemas.microsoft.com/office/drawing/2014/main" id="{FE6CB746-1DFB-4E06-9747-15AC7A330E5A}"/>
              </a:ext>
            </a:extLst>
          </p:cNvPr>
          <p:cNvSpPr>
            <a:spLocks noGrp="1"/>
          </p:cNvSpPr>
          <p:nvPr>
            <p:ph type="pic" sz="quarter" idx="10" hasCustomPrompt="1"/>
          </p:nvPr>
        </p:nvSpPr>
        <p:spPr>
          <a:xfrm>
            <a:off x="8624046" y="0"/>
            <a:ext cx="3567954" cy="6858000"/>
          </a:xfrm>
          <a:prstGeom prst="rect">
            <a:avLst/>
          </a:prstGeom>
          <a:solidFill>
            <a:schemeClr val="tx1"/>
          </a:solidFill>
        </p:spPr>
        <p:txBody>
          <a:bodyPr>
            <a:normAutofit/>
          </a:bodyPr>
          <a:lstStyle>
            <a:lvl1pPr marL="0" indent="0" algn="ctr">
              <a:buNone/>
              <a:defRPr sz="2800"/>
            </a:lvl1pPr>
          </a:lstStyle>
          <a:p>
            <a:r>
              <a:rPr lang="fr-FR" dirty="0"/>
              <a:t>	</a:t>
            </a:r>
          </a:p>
          <a:p>
            <a:endParaRPr lang="fr-FR" dirty="0"/>
          </a:p>
          <a:p>
            <a:r>
              <a:rPr lang="fr-FR" dirty="0"/>
              <a:t>PICTURE</a:t>
            </a:r>
          </a:p>
        </p:txBody>
      </p:sp>
    </p:spTree>
    <p:extLst>
      <p:ext uri="{BB962C8B-B14F-4D97-AF65-F5344CB8AC3E}">
        <p14:creationId xmlns:p14="http://schemas.microsoft.com/office/powerpoint/2010/main" val="4120110034"/>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reserve="1" userDrawn="1">
  <p:cSld name="Container 10">
    <p:spTree>
      <p:nvGrpSpPr>
        <p:cNvPr id="1" name=""/>
        <p:cNvGrpSpPr/>
        <p:nvPr/>
      </p:nvGrpSpPr>
      <p:grpSpPr>
        <a:xfrm>
          <a:off x="0" y="0"/>
          <a:ext cx="0" cy="0"/>
          <a:chOff x="0" y="0"/>
          <a:chExt cx="0" cy="0"/>
        </a:xfrm>
      </p:grpSpPr>
      <p:sp>
        <p:nvSpPr>
          <p:cNvPr id="4" name="Picture Placeholder 10">
            <a:extLst>
              <a:ext uri="{FF2B5EF4-FFF2-40B4-BE49-F238E27FC236}">
                <a16:creationId xmlns:a16="http://schemas.microsoft.com/office/drawing/2014/main" id="{FEDBDA94-24D5-41E5-9379-523B7141822B}"/>
              </a:ext>
            </a:extLst>
          </p:cNvPr>
          <p:cNvSpPr>
            <a:spLocks noGrp="1"/>
          </p:cNvSpPr>
          <p:nvPr>
            <p:ph type="pic" sz="quarter" idx="10" hasCustomPrompt="1"/>
          </p:nvPr>
        </p:nvSpPr>
        <p:spPr>
          <a:xfrm>
            <a:off x="6096000" y="0"/>
            <a:ext cx="6096000" cy="6858000"/>
          </a:xfrm>
          <a:prstGeom prst="rect">
            <a:avLst/>
          </a:prstGeom>
          <a:solidFill>
            <a:schemeClr val="tx1"/>
          </a:solidFill>
        </p:spPr>
        <p:txBody>
          <a:bodyPr>
            <a:normAutofit/>
          </a:bodyPr>
          <a:lstStyle>
            <a:lvl1pPr marL="0" indent="0" algn="ctr">
              <a:buNone/>
              <a:defRPr sz="2800"/>
            </a:lvl1pPr>
          </a:lstStyle>
          <a:p>
            <a:r>
              <a:rPr lang="fr-FR" dirty="0"/>
              <a:t>	</a:t>
            </a:r>
          </a:p>
          <a:p>
            <a:endParaRPr lang="fr-FR" dirty="0"/>
          </a:p>
          <a:p>
            <a:r>
              <a:rPr lang="fr-FR" dirty="0"/>
              <a:t>PICTURE</a:t>
            </a:r>
          </a:p>
        </p:txBody>
      </p:sp>
    </p:spTree>
    <p:extLst>
      <p:ext uri="{BB962C8B-B14F-4D97-AF65-F5344CB8AC3E}">
        <p14:creationId xmlns:p14="http://schemas.microsoft.com/office/powerpoint/2010/main" val="722875129"/>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reserve="1" userDrawn="1">
  <p:cSld name="Container 11">
    <p:spTree>
      <p:nvGrpSpPr>
        <p:cNvPr id="1" name=""/>
        <p:cNvGrpSpPr/>
        <p:nvPr/>
      </p:nvGrpSpPr>
      <p:grpSpPr>
        <a:xfrm>
          <a:off x="0" y="0"/>
          <a:ext cx="0" cy="0"/>
          <a:chOff x="0" y="0"/>
          <a:chExt cx="0" cy="0"/>
        </a:xfrm>
      </p:grpSpPr>
      <p:sp>
        <p:nvSpPr>
          <p:cNvPr id="4" name="Picture Placeholder 10">
            <a:extLst>
              <a:ext uri="{FF2B5EF4-FFF2-40B4-BE49-F238E27FC236}">
                <a16:creationId xmlns:a16="http://schemas.microsoft.com/office/drawing/2014/main" id="{FEDBDA94-24D5-41E5-9379-523B7141822B}"/>
              </a:ext>
            </a:extLst>
          </p:cNvPr>
          <p:cNvSpPr>
            <a:spLocks noGrp="1"/>
          </p:cNvSpPr>
          <p:nvPr>
            <p:ph type="pic" sz="quarter" idx="10" hasCustomPrompt="1"/>
          </p:nvPr>
        </p:nvSpPr>
        <p:spPr>
          <a:xfrm>
            <a:off x="144517" y="141890"/>
            <a:ext cx="3861170" cy="3626069"/>
          </a:xfrm>
          <a:prstGeom prst="rect">
            <a:avLst/>
          </a:prstGeom>
          <a:solidFill>
            <a:schemeClr val="tx1"/>
          </a:solidFill>
        </p:spPr>
        <p:txBody>
          <a:bodyPr/>
          <a:lstStyle>
            <a:lvl1pPr marL="0" indent="0" algn="ctr">
              <a:buNone/>
              <a:defRPr sz="1000"/>
            </a:lvl1pPr>
          </a:lstStyle>
          <a:p>
            <a:r>
              <a:rPr lang="fr-FR" dirty="0"/>
              <a:t>	</a:t>
            </a:r>
          </a:p>
          <a:p>
            <a:endParaRPr lang="fr-FR" dirty="0"/>
          </a:p>
          <a:p>
            <a:r>
              <a:rPr lang="fr-FR" dirty="0"/>
              <a:t>PICTURE</a:t>
            </a:r>
          </a:p>
        </p:txBody>
      </p:sp>
      <p:sp>
        <p:nvSpPr>
          <p:cNvPr id="8" name="Picture Placeholder 10">
            <a:extLst>
              <a:ext uri="{FF2B5EF4-FFF2-40B4-BE49-F238E27FC236}">
                <a16:creationId xmlns:a16="http://schemas.microsoft.com/office/drawing/2014/main" id="{B1F59BBA-0F82-46E4-88A7-8B4BF1FC9DD1}"/>
              </a:ext>
            </a:extLst>
          </p:cNvPr>
          <p:cNvSpPr>
            <a:spLocks noGrp="1"/>
          </p:cNvSpPr>
          <p:nvPr>
            <p:ph type="pic" sz="quarter" idx="11" hasCustomPrompt="1"/>
          </p:nvPr>
        </p:nvSpPr>
        <p:spPr>
          <a:xfrm>
            <a:off x="4165413" y="141890"/>
            <a:ext cx="3861170" cy="3626069"/>
          </a:xfrm>
          <a:prstGeom prst="rect">
            <a:avLst/>
          </a:prstGeom>
          <a:solidFill>
            <a:schemeClr val="tx1"/>
          </a:solidFill>
        </p:spPr>
        <p:txBody>
          <a:bodyPr/>
          <a:lstStyle>
            <a:lvl1pPr marL="0" indent="0" algn="ctr">
              <a:buNone/>
              <a:defRPr sz="1000"/>
            </a:lvl1pPr>
          </a:lstStyle>
          <a:p>
            <a:r>
              <a:rPr lang="fr-FR" dirty="0"/>
              <a:t>	</a:t>
            </a:r>
          </a:p>
          <a:p>
            <a:endParaRPr lang="fr-FR" dirty="0"/>
          </a:p>
          <a:p>
            <a:r>
              <a:rPr lang="fr-FR" dirty="0"/>
              <a:t>PICTURE</a:t>
            </a:r>
          </a:p>
        </p:txBody>
      </p:sp>
      <p:sp>
        <p:nvSpPr>
          <p:cNvPr id="9" name="Picture Placeholder 10">
            <a:extLst>
              <a:ext uri="{FF2B5EF4-FFF2-40B4-BE49-F238E27FC236}">
                <a16:creationId xmlns:a16="http://schemas.microsoft.com/office/drawing/2014/main" id="{1D484B8B-E091-4030-BC2B-6BA4849566E7}"/>
              </a:ext>
            </a:extLst>
          </p:cNvPr>
          <p:cNvSpPr>
            <a:spLocks noGrp="1"/>
          </p:cNvSpPr>
          <p:nvPr>
            <p:ph type="pic" sz="quarter" idx="12" hasCustomPrompt="1"/>
          </p:nvPr>
        </p:nvSpPr>
        <p:spPr>
          <a:xfrm>
            <a:off x="8186310" y="141890"/>
            <a:ext cx="3861170" cy="3626069"/>
          </a:xfrm>
          <a:prstGeom prst="rect">
            <a:avLst/>
          </a:prstGeom>
          <a:solidFill>
            <a:schemeClr val="tx1"/>
          </a:solidFill>
        </p:spPr>
        <p:txBody>
          <a:bodyPr/>
          <a:lstStyle>
            <a:lvl1pPr marL="0" indent="0" algn="ctr" rtl="0">
              <a:buNone/>
              <a:defRPr sz="1000"/>
            </a:lvl1pPr>
          </a:lstStyle>
          <a:p>
            <a:r>
              <a:rPr lang="fr-FR" dirty="0"/>
              <a:t>	</a:t>
            </a:r>
          </a:p>
          <a:p>
            <a:endParaRPr lang="fr-FR" dirty="0"/>
          </a:p>
          <a:p>
            <a:r>
              <a:rPr lang="fr-FR" dirty="0"/>
              <a:t>PICTURE</a:t>
            </a:r>
          </a:p>
        </p:txBody>
      </p:sp>
    </p:spTree>
    <p:extLst>
      <p:ext uri="{BB962C8B-B14F-4D97-AF65-F5344CB8AC3E}">
        <p14:creationId xmlns:p14="http://schemas.microsoft.com/office/powerpoint/2010/main" val="1458748858"/>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userDrawn="1">
  <p:cSld name="Container 12">
    <p:spTree>
      <p:nvGrpSpPr>
        <p:cNvPr id="1" name=""/>
        <p:cNvGrpSpPr/>
        <p:nvPr/>
      </p:nvGrpSpPr>
      <p:grpSpPr>
        <a:xfrm>
          <a:off x="0" y="0"/>
          <a:ext cx="0" cy="0"/>
          <a:chOff x="0" y="0"/>
          <a:chExt cx="0" cy="0"/>
        </a:xfrm>
      </p:grpSpPr>
      <p:sp>
        <p:nvSpPr>
          <p:cNvPr id="4" name="Picture Placeholder 10">
            <a:extLst>
              <a:ext uri="{FF2B5EF4-FFF2-40B4-BE49-F238E27FC236}">
                <a16:creationId xmlns:a16="http://schemas.microsoft.com/office/drawing/2014/main" id="{FEDBDA94-24D5-41E5-9379-523B7141822B}"/>
              </a:ext>
            </a:extLst>
          </p:cNvPr>
          <p:cNvSpPr>
            <a:spLocks noGrp="1"/>
          </p:cNvSpPr>
          <p:nvPr>
            <p:ph type="pic" sz="quarter" idx="10" hasCustomPrompt="1"/>
          </p:nvPr>
        </p:nvSpPr>
        <p:spPr>
          <a:xfrm>
            <a:off x="-1" y="1"/>
            <a:ext cx="6095999" cy="4194698"/>
          </a:xfrm>
          <a:prstGeom prst="rect">
            <a:avLst/>
          </a:prstGeom>
          <a:solidFill>
            <a:schemeClr val="tx1"/>
          </a:solidFill>
        </p:spPr>
        <p:txBody>
          <a:bodyPr>
            <a:normAutofit/>
          </a:bodyPr>
          <a:lstStyle>
            <a:lvl1pPr marL="0" indent="0" algn="ctr">
              <a:buNone/>
              <a:defRPr sz="2800"/>
            </a:lvl1pPr>
          </a:lstStyle>
          <a:p>
            <a:r>
              <a:rPr lang="fr-FR" dirty="0"/>
              <a:t>	</a:t>
            </a:r>
          </a:p>
          <a:p>
            <a:endParaRPr lang="fr-FR" dirty="0"/>
          </a:p>
          <a:p>
            <a:r>
              <a:rPr lang="fr-FR" dirty="0"/>
              <a:t>PICTURE</a:t>
            </a:r>
          </a:p>
        </p:txBody>
      </p:sp>
      <p:sp>
        <p:nvSpPr>
          <p:cNvPr id="12" name="Picture Placeholder 10">
            <a:extLst>
              <a:ext uri="{FF2B5EF4-FFF2-40B4-BE49-F238E27FC236}">
                <a16:creationId xmlns:a16="http://schemas.microsoft.com/office/drawing/2014/main" id="{35796EA6-35FB-4A7E-809F-A9815E5FEF4A}"/>
              </a:ext>
            </a:extLst>
          </p:cNvPr>
          <p:cNvSpPr>
            <a:spLocks noGrp="1"/>
          </p:cNvSpPr>
          <p:nvPr>
            <p:ph type="pic" sz="quarter" idx="11" hasCustomPrompt="1"/>
          </p:nvPr>
        </p:nvSpPr>
        <p:spPr>
          <a:xfrm>
            <a:off x="6095998" y="1"/>
            <a:ext cx="6095999" cy="4194698"/>
          </a:xfrm>
          <a:prstGeom prst="rect">
            <a:avLst/>
          </a:prstGeom>
          <a:solidFill>
            <a:schemeClr val="tx1"/>
          </a:solidFill>
        </p:spPr>
        <p:txBody>
          <a:bodyPr>
            <a:normAutofit/>
          </a:bodyPr>
          <a:lstStyle>
            <a:lvl1pPr marL="0" indent="0" algn="ctr">
              <a:buNone/>
              <a:defRPr sz="2800"/>
            </a:lvl1pPr>
          </a:lstStyle>
          <a:p>
            <a:r>
              <a:rPr lang="fr-FR" dirty="0"/>
              <a:t>	</a:t>
            </a:r>
          </a:p>
          <a:p>
            <a:endParaRPr lang="fr-FR" dirty="0"/>
          </a:p>
          <a:p>
            <a:r>
              <a:rPr lang="fr-FR" dirty="0"/>
              <a:t>PICTURE</a:t>
            </a:r>
          </a:p>
        </p:txBody>
      </p:sp>
    </p:spTree>
    <p:extLst>
      <p:ext uri="{BB962C8B-B14F-4D97-AF65-F5344CB8AC3E}">
        <p14:creationId xmlns:p14="http://schemas.microsoft.com/office/powerpoint/2010/main" val="3238328073"/>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Container 13">
    <p:spTree>
      <p:nvGrpSpPr>
        <p:cNvPr id="1" name=""/>
        <p:cNvGrpSpPr/>
        <p:nvPr/>
      </p:nvGrpSpPr>
      <p:grpSpPr>
        <a:xfrm>
          <a:off x="0" y="0"/>
          <a:ext cx="0" cy="0"/>
          <a:chOff x="0" y="0"/>
          <a:chExt cx="0" cy="0"/>
        </a:xfrm>
      </p:grpSpPr>
      <p:sp>
        <p:nvSpPr>
          <p:cNvPr id="4" name="Picture Placeholder 10">
            <a:extLst>
              <a:ext uri="{FF2B5EF4-FFF2-40B4-BE49-F238E27FC236}">
                <a16:creationId xmlns:a16="http://schemas.microsoft.com/office/drawing/2014/main" id="{FEDBDA94-24D5-41E5-9379-523B7141822B}"/>
              </a:ext>
            </a:extLst>
          </p:cNvPr>
          <p:cNvSpPr>
            <a:spLocks noGrp="1"/>
          </p:cNvSpPr>
          <p:nvPr>
            <p:ph type="pic" sz="quarter" idx="10" hasCustomPrompt="1"/>
          </p:nvPr>
        </p:nvSpPr>
        <p:spPr>
          <a:xfrm>
            <a:off x="-1" y="0"/>
            <a:ext cx="12192001" cy="6857999"/>
          </a:xfrm>
          <a:prstGeom prst="rect">
            <a:avLst/>
          </a:prstGeom>
          <a:solidFill>
            <a:schemeClr val="tx1"/>
          </a:solidFill>
        </p:spPr>
        <p:txBody>
          <a:bodyPr>
            <a:normAutofit/>
          </a:bodyPr>
          <a:lstStyle>
            <a:lvl1pPr marL="0" indent="0" algn="ctr">
              <a:buNone/>
              <a:defRPr sz="2800"/>
            </a:lvl1pPr>
          </a:lstStyle>
          <a:p>
            <a:r>
              <a:rPr lang="fr-FR" dirty="0"/>
              <a:t>	</a:t>
            </a:r>
          </a:p>
          <a:p>
            <a:endParaRPr lang="fr-FR" dirty="0"/>
          </a:p>
          <a:p>
            <a:r>
              <a:rPr lang="fr-FR" dirty="0"/>
              <a:t>PICTURE</a:t>
            </a:r>
          </a:p>
        </p:txBody>
      </p:sp>
    </p:spTree>
    <p:extLst>
      <p:ext uri="{BB962C8B-B14F-4D97-AF65-F5344CB8AC3E}">
        <p14:creationId xmlns:p14="http://schemas.microsoft.com/office/powerpoint/2010/main" val="66806120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287E767-6B87-F84A-AD1B-69D9F5A458EE}"/>
              </a:ext>
            </a:extLst>
          </p:cNvPr>
          <p:cNvSpPr>
            <a:spLocks noGrp="1"/>
          </p:cNvSpPr>
          <p:nvPr>
            <p:ph type="title"/>
          </p:nvPr>
        </p:nvSpPr>
        <p:spPr/>
        <p:txBody>
          <a:bodyPr/>
          <a:lstStyle/>
          <a:p>
            <a:r>
              <a:rPr lang="en-GB"/>
              <a:t>Click to edit Master title style</a:t>
            </a:r>
            <a:endParaRPr lang="en-US"/>
          </a:p>
        </p:txBody>
      </p:sp>
      <p:sp>
        <p:nvSpPr>
          <p:cNvPr id="3" name="Content Placeholder 2">
            <a:extLst>
              <a:ext uri="{FF2B5EF4-FFF2-40B4-BE49-F238E27FC236}">
                <a16:creationId xmlns:a16="http://schemas.microsoft.com/office/drawing/2014/main" id="{14091DB1-6D95-5E42-A245-771870AC32F2}"/>
              </a:ext>
            </a:extLst>
          </p:cNvPr>
          <p:cNvSpPr>
            <a:spLocks noGrp="1"/>
          </p:cNvSpPr>
          <p:nvPr>
            <p:ph sz="half" idx="1"/>
          </p:nvPr>
        </p:nvSpPr>
        <p:spPr>
          <a:xfrm>
            <a:off x="838200" y="1825625"/>
            <a:ext cx="5181600" cy="4351338"/>
          </a:xfrm>
        </p:spPr>
        <p:txBody>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4" name="Content Placeholder 3">
            <a:extLst>
              <a:ext uri="{FF2B5EF4-FFF2-40B4-BE49-F238E27FC236}">
                <a16:creationId xmlns:a16="http://schemas.microsoft.com/office/drawing/2014/main" id="{32E12D8F-4190-FA49-9403-ACFDEAF4A736}"/>
              </a:ext>
            </a:extLst>
          </p:cNvPr>
          <p:cNvSpPr>
            <a:spLocks noGrp="1"/>
          </p:cNvSpPr>
          <p:nvPr>
            <p:ph sz="half" idx="2"/>
          </p:nvPr>
        </p:nvSpPr>
        <p:spPr>
          <a:xfrm>
            <a:off x="6172200" y="1825625"/>
            <a:ext cx="5181600" cy="4351338"/>
          </a:xfrm>
        </p:spPr>
        <p:txBody>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5" name="Date Placeholder 4">
            <a:extLst>
              <a:ext uri="{FF2B5EF4-FFF2-40B4-BE49-F238E27FC236}">
                <a16:creationId xmlns:a16="http://schemas.microsoft.com/office/drawing/2014/main" id="{7E4EEC06-5322-AF4C-BF7E-01286576AED7}"/>
              </a:ext>
            </a:extLst>
          </p:cNvPr>
          <p:cNvSpPr>
            <a:spLocks noGrp="1"/>
          </p:cNvSpPr>
          <p:nvPr>
            <p:ph type="dt" sz="half" idx="10"/>
          </p:nvPr>
        </p:nvSpPr>
        <p:spPr/>
        <p:txBody>
          <a:bodyPr/>
          <a:lstStyle/>
          <a:p>
            <a:fld id="{B1A7FD7A-BDD6-434F-BB23-B196CE46E7B9}" type="datetime1">
              <a:rPr lang="en-US" smtClean="0"/>
              <a:t>6/3/2022</a:t>
            </a:fld>
            <a:endParaRPr lang="en-US"/>
          </a:p>
        </p:txBody>
      </p:sp>
      <p:sp>
        <p:nvSpPr>
          <p:cNvPr id="6" name="Footer Placeholder 5">
            <a:extLst>
              <a:ext uri="{FF2B5EF4-FFF2-40B4-BE49-F238E27FC236}">
                <a16:creationId xmlns:a16="http://schemas.microsoft.com/office/drawing/2014/main" id="{06B0E857-6D64-424A-898F-005C9056BBB5}"/>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5AF337DD-0229-E54F-8D79-0CFC1725F2D0}"/>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3060127768"/>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3" name="Graphic 2">
            <a:extLst>
              <a:ext uri="{FF2B5EF4-FFF2-40B4-BE49-F238E27FC236}">
                <a16:creationId xmlns:a16="http://schemas.microsoft.com/office/drawing/2014/main" id="{1A62A3B4-90FB-4299-99EA-8A0033116D1D}"/>
              </a:ext>
            </a:extLst>
          </p:cNvPr>
          <p:cNvPicPr>
            <a:picLocks noChangeAspect="1"/>
          </p:cNvPicPr>
          <p:nvPr userDrawn="1"/>
        </p:nvPicPr>
        <p:blipFill>
          <a:blip r:embed="rId2" cstate="email">
            <a:extLst>
              <a:ext uri="{28A0092B-C50C-407E-A947-70E740481C1C}">
                <a14:useLocalDpi xmlns:a14="http://schemas.microsoft.com/office/drawing/2010/main"/>
              </a:ext>
              <a:ext uri="{96DAC541-7B7A-43D3-8B79-37D633B846F1}">
                <asvg:svgBlip xmlns="" xmlns:asvg="http://schemas.microsoft.com/office/drawing/2016/SVG/main" r:embed="rId3"/>
              </a:ext>
            </a:extLst>
          </a:blip>
          <a:stretch>
            <a:fillRect/>
          </a:stretch>
        </p:blipFill>
        <p:spPr>
          <a:xfrm>
            <a:off x="5059418" y="2781300"/>
            <a:ext cx="2073164" cy="1295399"/>
          </a:xfrm>
          <a:prstGeom prst="rect">
            <a:avLst/>
          </a:prstGeom>
        </p:spPr>
      </p:pic>
    </p:spTree>
    <p:extLst>
      <p:ext uri="{BB962C8B-B14F-4D97-AF65-F5344CB8AC3E}">
        <p14:creationId xmlns:p14="http://schemas.microsoft.com/office/powerpoint/2010/main" val="3907281420"/>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iPhone X">
    <p:spTree>
      <p:nvGrpSpPr>
        <p:cNvPr id="1" name=""/>
        <p:cNvGrpSpPr/>
        <p:nvPr/>
      </p:nvGrpSpPr>
      <p:grpSpPr>
        <a:xfrm>
          <a:off x="0" y="0"/>
          <a:ext cx="0" cy="0"/>
          <a:chOff x="0" y="0"/>
          <a:chExt cx="0" cy="0"/>
        </a:xfrm>
      </p:grpSpPr>
      <p:sp>
        <p:nvSpPr>
          <p:cNvPr id="16" name="Picture Placeholder 2">
            <a:extLst>
              <a:ext uri="{FF2B5EF4-FFF2-40B4-BE49-F238E27FC236}">
                <a16:creationId xmlns:a16="http://schemas.microsoft.com/office/drawing/2014/main" id="{1908C951-434A-4DD1-AFA3-1AF87D704742}"/>
              </a:ext>
            </a:extLst>
          </p:cNvPr>
          <p:cNvSpPr>
            <a:spLocks noGrp="1"/>
          </p:cNvSpPr>
          <p:nvPr>
            <p:ph type="pic" sz="quarter" idx="11" hasCustomPrompt="1"/>
          </p:nvPr>
        </p:nvSpPr>
        <p:spPr>
          <a:xfrm>
            <a:off x="2547147" y="896184"/>
            <a:ext cx="2366010" cy="5138856"/>
          </a:xfrm>
          <a:custGeom>
            <a:avLst/>
            <a:gdLst>
              <a:gd name="connsiteX0" fmla="*/ 0 w 2366010"/>
              <a:gd name="connsiteY0" fmla="*/ 244787 h 5124450"/>
              <a:gd name="connsiteX1" fmla="*/ 244787 w 2366010"/>
              <a:gd name="connsiteY1" fmla="*/ 0 h 5124450"/>
              <a:gd name="connsiteX2" fmla="*/ 2121223 w 2366010"/>
              <a:gd name="connsiteY2" fmla="*/ 0 h 5124450"/>
              <a:gd name="connsiteX3" fmla="*/ 2366010 w 2366010"/>
              <a:gd name="connsiteY3" fmla="*/ 244787 h 5124450"/>
              <a:gd name="connsiteX4" fmla="*/ 2366010 w 2366010"/>
              <a:gd name="connsiteY4" fmla="*/ 4879663 h 5124450"/>
              <a:gd name="connsiteX5" fmla="*/ 2121223 w 2366010"/>
              <a:gd name="connsiteY5" fmla="*/ 5124450 h 5124450"/>
              <a:gd name="connsiteX6" fmla="*/ 244787 w 2366010"/>
              <a:gd name="connsiteY6" fmla="*/ 5124450 h 5124450"/>
              <a:gd name="connsiteX7" fmla="*/ 0 w 2366010"/>
              <a:gd name="connsiteY7" fmla="*/ 4879663 h 5124450"/>
              <a:gd name="connsiteX8" fmla="*/ 0 w 2366010"/>
              <a:gd name="connsiteY8" fmla="*/ 244787 h 5124450"/>
              <a:gd name="connsiteX0" fmla="*/ 0 w 2366010"/>
              <a:gd name="connsiteY0" fmla="*/ 244793 h 5124456"/>
              <a:gd name="connsiteX1" fmla="*/ 244787 w 2366010"/>
              <a:gd name="connsiteY1" fmla="*/ 6 h 5124456"/>
              <a:gd name="connsiteX2" fmla="*/ 659130 w 2366010"/>
              <a:gd name="connsiteY2" fmla="*/ 186696 h 5124456"/>
              <a:gd name="connsiteX3" fmla="*/ 2121223 w 2366010"/>
              <a:gd name="connsiteY3" fmla="*/ 6 h 5124456"/>
              <a:gd name="connsiteX4" fmla="*/ 2366010 w 2366010"/>
              <a:gd name="connsiteY4" fmla="*/ 244793 h 5124456"/>
              <a:gd name="connsiteX5" fmla="*/ 2366010 w 2366010"/>
              <a:gd name="connsiteY5" fmla="*/ 4879669 h 5124456"/>
              <a:gd name="connsiteX6" fmla="*/ 2121223 w 2366010"/>
              <a:gd name="connsiteY6" fmla="*/ 5124456 h 5124456"/>
              <a:gd name="connsiteX7" fmla="*/ 244787 w 2366010"/>
              <a:gd name="connsiteY7" fmla="*/ 5124456 h 5124456"/>
              <a:gd name="connsiteX8" fmla="*/ 0 w 2366010"/>
              <a:gd name="connsiteY8" fmla="*/ 4879669 h 5124456"/>
              <a:gd name="connsiteX9" fmla="*/ 0 w 2366010"/>
              <a:gd name="connsiteY9" fmla="*/ 244793 h 5124456"/>
              <a:gd name="connsiteX0" fmla="*/ 0 w 2366010"/>
              <a:gd name="connsiteY0" fmla="*/ 244794 h 5124457"/>
              <a:gd name="connsiteX1" fmla="*/ 244787 w 2366010"/>
              <a:gd name="connsiteY1" fmla="*/ 7 h 5124457"/>
              <a:gd name="connsiteX2" fmla="*/ 659130 w 2366010"/>
              <a:gd name="connsiteY2" fmla="*/ 186697 h 5124457"/>
              <a:gd name="connsiteX3" fmla="*/ 2121223 w 2366010"/>
              <a:gd name="connsiteY3" fmla="*/ 7 h 5124457"/>
              <a:gd name="connsiteX4" fmla="*/ 2366010 w 2366010"/>
              <a:gd name="connsiteY4" fmla="*/ 244794 h 5124457"/>
              <a:gd name="connsiteX5" fmla="*/ 2366010 w 2366010"/>
              <a:gd name="connsiteY5" fmla="*/ 4879670 h 5124457"/>
              <a:gd name="connsiteX6" fmla="*/ 2121223 w 2366010"/>
              <a:gd name="connsiteY6" fmla="*/ 5124457 h 5124457"/>
              <a:gd name="connsiteX7" fmla="*/ 244787 w 2366010"/>
              <a:gd name="connsiteY7" fmla="*/ 5124457 h 5124457"/>
              <a:gd name="connsiteX8" fmla="*/ 0 w 2366010"/>
              <a:gd name="connsiteY8" fmla="*/ 4879670 h 5124457"/>
              <a:gd name="connsiteX9" fmla="*/ 0 w 2366010"/>
              <a:gd name="connsiteY9" fmla="*/ 244794 h 5124457"/>
              <a:gd name="connsiteX0" fmla="*/ 0 w 2366010"/>
              <a:gd name="connsiteY0" fmla="*/ 253683 h 5133346"/>
              <a:gd name="connsiteX1" fmla="*/ 244787 w 2366010"/>
              <a:gd name="connsiteY1" fmla="*/ 8896 h 5133346"/>
              <a:gd name="connsiteX2" fmla="*/ 502920 w 2366010"/>
              <a:gd name="connsiteY2" fmla="*/ 50807 h 5133346"/>
              <a:gd name="connsiteX3" fmla="*/ 659130 w 2366010"/>
              <a:gd name="connsiteY3" fmla="*/ 195586 h 5133346"/>
              <a:gd name="connsiteX4" fmla="*/ 2121223 w 2366010"/>
              <a:gd name="connsiteY4" fmla="*/ 8896 h 5133346"/>
              <a:gd name="connsiteX5" fmla="*/ 2366010 w 2366010"/>
              <a:gd name="connsiteY5" fmla="*/ 253683 h 5133346"/>
              <a:gd name="connsiteX6" fmla="*/ 2366010 w 2366010"/>
              <a:gd name="connsiteY6" fmla="*/ 4888559 h 5133346"/>
              <a:gd name="connsiteX7" fmla="*/ 2121223 w 2366010"/>
              <a:gd name="connsiteY7" fmla="*/ 5133346 h 5133346"/>
              <a:gd name="connsiteX8" fmla="*/ 244787 w 2366010"/>
              <a:gd name="connsiteY8" fmla="*/ 5133346 h 5133346"/>
              <a:gd name="connsiteX9" fmla="*/ 0 w 2366010"/>
              <a:gd name="connsiteY9" fmla="*/ 4888559 h 5133346"/>
              <a:gd name="connsiteX10" fmla="*/ 0 w 2366010"/>
              <a:gd name="connsiteY10" fmla="*/ 253683 h 5133346"/>
              <a:gd name="connsiteX0" fmla="*/ 0 w 2366010"/>
              <a:gd name="connsiteY0" fmla="*/ 253683 h 5133346"/>
              <a:gd name="connsiteX1" fmla="*/ 244787 w 2366010"/>
              <a:gd name="connsiteY1" fmla="*/ 8896 h 5133346"/>
              <a:gd name="connsiteX2" fmla="*/ 502920 w 2366010"/>
              <a:gd name="connsiteY2" fmla="*/ 50807 h 5133346"/>
              <a:gd name="connsiteX3" fmla="*/ 659130 w 2366010"/>
              <a:gd name="connsiteY3" fmla="*/ 195586 h 5133346"/>
              <a:gd name="connsiteX4" fmla="*/ 2121223 w 2366010"/>
              <a:gd name="connsiteY4" fmla="*/ 8896 h 5133346"/>
              <a:gd name="connsiteX5" fmla="*/ 2366010 w 2366010"/>
              <a:gd name="connsiteY5" fmla="*/ 253683 h 5133346"/>
              <a:gd name="connsiteX6" fmla="*/ 2366010 w 2366010"/>
              <a:gd name="connsiteY6" fmla="*/ 4888559 h 5133346"/>
              <a:gd name="connsiteX7" fmla="*/ 2121223 w 2366010"/>
              <a:gd name="connsiteY7" fmla="*/ 5133346 h 5133346"/>
              <a:gd name="connsiteX8" fmla="*/ 244787 w 2366010"/>
              <a:gd name="connsiteY8" fmla="*/ 5133346 h 5133346"/>
              <a:gd name="connsiteX9" fmla="*/ 0 w 2366010"/>
              <a:gd name="connsiteY9" fmla="*/ 4888559 h 5133346"/>
              <a:gd name="connsiteX10" fmla="*/ 0 w 2366010"/>
              <a:gd name="connsiteY10" fmla="*/ 253683 h 5133346"/>
              <a:gd name="connsiteX0" fmla="*/ 0 w 2366010"/>
              <a:gd name="connsiteY0" fmla="*/ 253683 h 5133346"/>
              <a:gd name="connsiteX1" fmla="*/ 244787 w 2366010"/>
              <a:gd name="connsiteY1" fmla="*/ 8896 h 5133346"/>
              <a:gd name="connsiteX2" fmla="*/ 502920 w 2366010"/>
              <a:gd name="connsiteY2" fmla="*/ 50807 h 5133346"/>
              <a:gd name="connsiteX3" fmla="*/ 735330 w 2366010"/>
              <a:gd name="connsiteY3" fmla="*/ 195586 h 5133346"/>
              <a:gd name="connsiteX4" fmla="*/ 2121223 w 2366010"/>
              <a:gd name="connsiteY4" fmla="*/ 8896 h 5133346"/>
              <a:gd name="connsiteX5" fmla="*/ 2366010 w 2366010"/>
              <a:gd name="connsiteY5" fmla="*/ 253683 h 5133346"/>
              <a:gd name="connsiteX6" fmla="*/ 2366010 w 2366010"/>
              <a:gd name="connsiteY6" fmla="*/ 4888559 h 5133346"/>
              <a:gd name="connsiteX7" fmla="*/ 2121223 w 2366010"/>
              <a:gd name="connsiteY7" fmla="*/ 5133346 h 5133346"/>
              <a:gd name="connsiteX8" fmla="*/ 244787 w 2366010"/>
              <a:gd name="connsiteY8" fmla="*/ 5133346 h 5133346"/>
              <a:gd name="connsiteX9" fmla="*/ 0 w 2366010"/>
              <a:gd name="connsiteY9" fmla="*/ 4888559 h 5133346"/>
              <a:gd name="connsiteX10" fmla="*/ 0 w 2366010"/>
              <a:gd name="connsiteY10" fmla="*/ 253683 h 5133346"/>
              <a:gd name="connsiteX0" fmla="*/ 0 w 2366010"/>
              <a:gd name="connsiteY0" fmla="*/ 259704 h 5139367"/>
              <a:gd name="connsiteX1" fmla="*/ 244787 w 2366010"/>
              <a:gd name="connsiteY1" fmla="*/ 14917 h 5139367"/>
              <a:gd name="connsiteX2" fmla="*/ 499110 w 2366010"/>
              <a:gd name="connsiteY2" fmla="*/ 30158 h 5139367"/>
              <a:gd name="connsiteX3" fmla="*/ 735330 w 2366010"/>
              <a:gd name="connsiteY3" fmla="*/ 201607 h 5139367"/>
              <a:gd name="connsiteX4" fmla="*/ 2121223 w 2366010"/>
              <a:gd name="connsiteY4" fmla="*/ 14917 h 5139367"/>
              <a:gd name="connsiteX5" fmla="*/ 2366010 w 2366010"/>
              <a:gd name="connsiteY5" fmla="*/ 259704 h 5139367"/>
              <a:gd name="connsiteX6" fmla="*/ 2366010 w 2366010"/>
              <a:gd name="connsiteY6" fmla="*/ 4894580 h 5139367"/>
              <a:gd name="connsiteX7" fmla="*/ 2121223 w 2366010"/>
              <a:gd name="connsiteY7" fmla="*/ 5139367 h 5139367"/>
              <a:gd name="connsiteX8" fmla="*/ 244787 w 2366010"/>
              <a:gd name="connsiteY8" fmla="*/ 5139367 h 5139367"/>
              <a:gd name="connsiteX9" fmla="*/ 0 w 2366010"/>
              <a:gd name="connsiteY9" fmla="*/ 4894580 h 5139367"/>
              <a:gd name="connsiteX10" fmla="*/ 0 w 2366010"/>
              <a:gd name="connsiteY10" fmla="*/ 259704 h 5139367"/>
              <a:gd name="connsiteX0" fmla="*/ 0 w 2366010"/>
              <a:gd name="connsiteY0" fmla="*/ 255334 h 5134997"/>
              <a:gd name="connsiteX1" fmla="*/ 244787 w 2366010"/>
              <a:gd name="connsiteY1" fmla="*/ 10547 h 5134997"/>
              <a:gd name="connsiteX2" fmla="*/ 499110 w 2366010"/>
              <a:gd name="connsiteY2" fmla="*/ 25788 h 5134997"/>
              <a:gd name="connsiteX3" fmla="*/ 735330 w 2366010"/>
              <a:gd name="connsiteY3" fmla="*/ 197237 h 5134997"/>
              <a:gd name="connsiteX4" fmla="*/ 2121223 w 2366010"/>
              <a:gd name="connsiteY4" fmla="*/ 10547 h 5134997"/>
              <a:gd name="connsiteX5" fmla="*/ 2366010 w 2366010"/>
              <a:gd name="connsiteY5" fmla="*/ 255334 h 5134997"/>
              <a:gd name="connsiteX6" fmla="*/ 2366010 w 2366010"/>
              <a:gd name="connsiteY6" fmla="*/ 4890210 h 5134997"/>
              <a:gd name="connsiteX7" fmla="*/ 2121223 w 2366010"/>
              <a:gd name="connsiteY7" fmla="*/ 5134997 h 5134997"/>
              <a:gd name="connsiteX8" fmla="*/ 244787 w 2366010"/>
              <a:gd name="connsiteY8" fmla="*/ 5134997 h 5134997"/>
              <a:gd name="connsiteX9" fmla="*/ 0 w 2366010"/>
              <a:gd name="connsiteY9" fmla="*/ 4890210 h 5134997"/>
              <a:gd name="connsiteX10" fmla="*/ 0 w 2366010"/>
              <a:gd name="connsiteY10" fmla="*/ 255334 h 5134997"/>
              <a:gd name="connsiteX0" fmla="*/ 0 w 2366010"/>
              <a:gd name="connsiteY0" fmla="*/ 255334 h 5134997"/>
              <a:gd name="connsiteX1" fmla="*/ 244787 w 2366010"/>
              <a:gd name="connsiteY1" fmla="*/ 10547 h 5134997"/>
              <a:gd name="connsiteX2" fmla="*/ 499110 w 2366010"/>
              <a:gd name="connsiteY2" fmla="*/ 25788 h 5134997"/>
              <a:gd name="connsiteX3" fmla="*/ 731520 w 2366010"/>
              <a:gd name="connsiteY3" fmla="*/ 193427 h 5134997"/>
              <a:gd name="connsiteX4" fmla="*/ 2121223 w 2366010"/>
              <a:gd name="connsiteY4" fmla="*/ 10547 h 5134997"/>
              <a:gd name="connsiteX5" fmla="*/ 2366010 w 2366010"/>
              <a:gd name="connsiteY5" fmla="*/ 255334 h 5134997"/>
              <a:gd name="connsiteX6" fmla="*/ 2366010 w 2366010"/>
              <a:gd name="connsiteY6" fmla="*/ 4890210 h 5134997"/>
              <a:gd name="connsiteX7" fmla="*/ 2121223 w 2366010"/>
              <a:gd name="connsiteY7" fmla="*/ 5134997 h 5134997"/>
              <a:gd name="connsiteX8" fmla="*/ 244787 w 2366010"/>
              <a:gd name="connsiteY8" fmla="*/ 5134997 h 5134997"/>
              <a:gd name="connsiteX9" fmla="*/ 0 w 2366010"/>
              <a:gd name="connsiteY9" fmla="*/ 4890210 h 5134997"/>
              <a:gd name="connsiteX10" fmla="*/ 0 w 2366010"/>
              <a:gd name="connsiteY10" fmla="*/ 255334 h 5134997"/>
              <a:gd name="connsiteX0" fmla="*/ 0 w 2366010"/>
              <a:gd name="connsiteY0" fmla="*/ 258273 h 5137936"/>
              <a:gd name="connsiteX1" fmla="*/ 244787 w 2366010"/>
              <a:gd name="connsiteY1" fmla="*/ 13486 h 5137936"/>
              <a:gd name="connsiteX2" fmla="*/ 510540 w 2366010"/>
              <a:gd name="connsiteY2" fmla="*/ 17297 h 5137936"/>
              <a:gd name="connsiteX3" fmla="*/ 73152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8273 h 5137936"/>
              <a:gd name="connsiteX1" fmla="*/ 244787 w 2366010"/>
              <a:gd name="connsiteY1" fmla="*/ 13486 h 5137936"/>
              <a:gd name="connsiteX2" fmla="*/ 510540 w 2366010"/>
              <a:gd name="connsiteY2" fmla="*/ 17297 h 5137936"/>
              <a:gd name="connsiteX3" fmla="*/ 73152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8273 h 5137936"/>
              <a:gd name="connsiteX1" fmla="*/ 244787 w 2366010"/>
              <a:gd name="connsiteY1" fmla="*/ 13486 h 5137936"/>
              <a:gd name="connsiteX2" fmla="*/ 510540 w 2366010"/>
              <a:gd name="connsiteY2" fmla="*/ 17297 h 5137936"/>
              <a:gd name="connsiteX3" fmla="*/ 73914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8273 h 5137936"/>
              <a:gd name="connsiteX1" fmla="*/ 244787 w 2366010"/>
              <a:gd name="connsiteY1" fmla="*/ 13486 h 5137936"/>
              <a:gd name="connsiteX2" fmla="*/ 510540 w 2366010"/>
              <a:gd name="connsiteY2" fmla="*/ 17297 h 5137936"/>
              <a:gd name="connsiteX3" fmla="*/ 73914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1685 h 5131348"/>
              <a:gd name="connsiteX1" fmla="*/ 244787 w 2366010"/>
              <a:gd name="connsiteY1" fmla="*/ 6898 h 5131348"/>
              <a:gd name="connsiteX2" fmla="*/ 510540 w 2366010"/>
              <a:gd name="connsiteY2" fmla="*/ 10709 h 5131348"/>
              <a:gd name="connsiteX3" fmla="*/ 739140 w 2366010"/>
              <a:gd name="connsiteY3" fmla="*/ 189778 h 5131348"/>
              <a:gd name="connsiteX4" fmla="*/ 2121223 w 2366010"/>
              <a:gd name="connsiteY4" fmla="*/ 6898 h 5131348"/>
              <a:gd name="connsiteX5" fmla="*/ 2366010 w 2366010"/>
              <a:gd name="connsiteY5" fmla="*/ 251685 h 5131348"/>
              <a:gd name="connsiteX6" fmla="*/ 2366010 w 2366010"/>
              <a:gd name="connsiteY6" fmla="*/ 4886561 h 5131348"/>
              <a:gd name="connsiteX7" fmla="*/ 2121223 w 2366010"/>
              <a:gd name="connsiteY7" fmla="*/ 5131348 h 5131348"/>
              <a:gd name="connsiteX8" fmla="*/ 244787 w 2366010"/>
              <a:gd name="connsiteY8" fmla="*/ 5131348 h 5131348"/>
              <a:gd name="connsiteX9" fmla="*/ 0 w 2366010"/>
              <a:gd name="connsiteY9" fmla="*/ 4886561 h 5131348"/>
              <a:gd name="connsiteX10" fmla="*/ 0 w 2366010"/>
              <a:gd name="connsiteY10" fmla="*/ 251685 h 5131348"/>
              <a:gd name="connsiteX0" fmla="*/ 0 w 2366010"/>
              <a:gd name="connsiteY0" fmla="*/ 251685 h 5131348"/>
              <a:gd name="connsiteX1" fmla="*/ 244787 w 2366010"/>
              <a:gd name="connsiteY1" fmla="*/ 6898 h 5131348"/>
              <a:gd name="connsiteX2" fmla="*/ 510540 w 2366010"/>
              <a:gd name="connsiteY2" fmla="*/ 10709 h 5131348"/>
              <a:gd name="connsiteX3" fmla="*/ 727710 w 2366010"/>
              <a:gd name="connsiteY3" fmla="*/ 189778 h 5131348"/>
              <a:gd name="connsiteX4" fmla="*/ 2121223 w 2366010"/>
              <a:gd name="connsiteY4" fmla="*/ 6898 h 5131348"/>
              <a:gd name="connsiteX5" fmla="*/ 2366010 w 2366010"/>
              <a:gd name="connsiteY5" fmla="*/ 251685 h 5131348"/>
              <a:gd name="connsiteX6" fmla="*/ 2366010 w 2366010"/>
              <a:gd name="connsiteY6" fmla="*/ 4886561 h 5131348"/>
              <a:gd name="connsiteX7" fmla="*/ 2121223 w 2366010"/>
              <a:gd name="connsiteY7" fmla="*/ 5131348 h 5131348"/>
              <a:gd name="connsiteX8" fmla="*/ 244787 w 2366010"/>
              <a:gd name="connsiteY8" fmla="*/ 5131348 h 5131348"/>
              <a:gd name="connsiteX9" fmla="*/ 0 w 2366010"/>
              <a:gd name="connsiteY9" fmla="*/ 4886561 h 5131348"/>
              <a:gd name="connsiteX10" fmla="*/ 0 w 2366010"/>
              <a:gd name="connsiteY10" fmla="*/ 251685 h 5131348"/>
              <a:gd name="connsiteX0" fmla="*/ 0 w 2366010"/>
              <a:gd name="connsiteY0" fmla="*/ 255624 h 5135287"/>
              <a:gd name="connsiteX1" fmla="*/ 244787 w 2366010"/>
              <a:gd name="connsiteY1" fmla="*/ 10837 h 5135287"/>
              <a:gd name="connsiteX2" fmla="*/ 520700 w 2366010"/>
              <a:gd name="connsiteY2" fmla="*/ 7028 h 5135287"/>
              <a:gd name="connsiteX3" fmla="*/ 727710 w 2366010"/>
              <a:gd name="connsiteY3" fmla="*/ 193717 h 5135287"/>
              <a:gd name="connsiteX4" fmla="*/ 2121223 w 2366010"/>
              <a:gd name="connsiteY4" fmla="*/ 10837 h 5135287"/>
              <a:gd name="connsiteX5" fmla="*/ 2366010 w 2366010"/>
              <a:gd name="connsiteY5" fmla="*/ 255624 h 5135287"/>
              <a:gd name="connsiteX6" fmla="*/ 2366010 w 2366010"/>
              <a:gd name="connsiteY6" fmla="*/ 4890500 h 5135287"/>
              <a:gd name="connsiteX7" fmla="*/ 2121223 w 2366010"/>
              <a:gd name="connsiteY7" fmla="*/ 5135287 h 5135287"/>
              <a:gd name="connsiteX8" fmla="*/ 244787 w 2366010"/>
              <a:gd name="connsiteY8" fmla="*/ 5135287 h 5135287"/>
              <a:gd name="connsiteX9" fmla="*/ 0 w 2366010"/>
              <a:gd name="connsiteY9" fmla="*/ 4890500 h 5135287"/>
              <a:gd name="connsiteX10" fmla="*/ 0 w 2366010"/>
              <a:gd name="connsiteY10" fmla="*/ 255624 h 5135287"/>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2121223 w 2366010"/>
              <a:gd name="connsiteY4" fmla="*/ 11860 h 5136310"/>
              <a:gd name="connsiteX5" fmla="*/ 2366010 w 2366010"/>
              <a:gd name="connsiteY5" fmla="*/ 256647 h 5136310"/>
              <a:gd name="connsiteX6" fmla="*/ 2366010 w 2366010"/>
              <a:gd name="connsiteY6" fmla="*/ 4891523 h 5136310"/>
              <a:gd name="connsiteX7" fmla="*/ 2121223 w 2366010"/>
              <a:gd name="connsiteY7" fmla="*/ 5136310 h 5136310"/>
              <a:gd name="connsiteX8" fmla="*/ 244787 w 2366010"/>
              <a:gd name="connsiteY8" fmla="*/ 5136310 h 5136310"/>
              <a:gd name="connsiteX9" fmla="*/ 0 w 2366010"/>
              <a:gd name="connsiteY9" fmla="*/ 4891523 h 5136310"/>
              <a:gd name="connsiteX10" fmla="*/ 0 w 2366010"/>
              <a:gd name="connsiteY10"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2121223 w 2366010"/>
              <a:gd name="connsiteY4" fmla="*/ 11860 h 5136310"/>
              <a:gd name="connsiteX5" fmla="*/ 2366010 w 2366010"/>
              <a:gd name="connsiteY5" fmla="*/ 256647 h 5136310"/>
              <a:gd name="connsiteX6" fmla="*/ 2366010 w 2366010"/>
              <a:gd name="connsiteY6" fmla="*/ 4891523 h 5136310"/>
              <a:gd name="connsiteX7" fmla="*/ 2121223 w 2366010"/>
              <a:gd name="connsiteY7" fmla="*/ 5136310 h 5136310"/>
              <a:gd name="connsiteX8" fmla="*/ 244787 w 2366010"/>
              <a:gd name="connsiteY8" fmla="*/ 5136310 h 5136310"/>
              <a:gd name="connsiteX9" fmla="*/ 0 w 2366010"/>
              <a:gd name="connsiteY9" fmla="*/ 4891523 h 5136310"/>
              <a:gd name="connsiteX10" fmla="*/ 0 w 2366010"/>
              <a:gd name="connsiteY10"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2381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58153 w 2366010"/>
              <a:gd name="connsiteY5" fmla="*/ 13759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65773 w 2366010"/>
              <a:gd name="connsiteY5" fmla="*/ 17823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73393 w 2366010"/>
              <a:gd name="connsiteY5" fmla="*/ 21125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60693 w 2366010"/>
              <a:gd name="connsiteY5" fmla="*/ 18839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60693 w 2366010"/>
              <a:gd name="connsiteY5" fmla="*/ 18839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8231 h 5137894"/>
              <a:gd name="connsiteX1" fmla="*/ 237167 w 2366010"/>
              <a:gd name="connsiteY1" fmla="*/ 10904 h 5137894"/>
              <a:gd name="connsiteX2" fmla="*/ 520700 w 2366010"/>
              <a:gd name="connsiteY2" fmla="*/ 9635 h 5137894"/>
              <a:gd name="connsiteX3" fmla="*/ 727710 w 2366010"/>
              <a:gd name="connsiteY3" fmla="*/ 196324 h 5137894"/>
              <a:gd name="connsiteX4" fmla="*/ 1364453 w 2366010"/>
              <a:gd name="connsiteY4" fmla="*/ 197597 h 5137894"/>
              <a:gd name="connsiteX5" fmla="*/ 1760693 w 2366010"/>
              <a:gd name="connsiteY5" fmla="*/ 189977 h 5137894"/>
              <a:gd name="connsiteX6" fmla="*/ 1877533 w 2366010"/>
              <a:gd name="connsiteY6" fmla="*/ 37577 h 5137894"/>
              <a:gd name="connsiteX7" fmla="*/ 2121223 w 2366010"/>
              <a:gd name="connsiteY7" fmla="*/ 13444 h 5137894"/>
              <a:gd name="connsiteX8" fmla="*/ 2366010 w 2366010"/>
              <a:gd name="connsiteY8" fmla="*/ 258231 h 5137894"/>
              <a:gd name="connsiteX9" fmla="*/ 2366010 w 2366010"/>
              <a:gd name="connsiteY9" fmla="*/ 4893107 h 5137894"/>
              <a:gd name="connsiteX10" fmla="*/ 2121223 w 2366010"/>
              <a:gd name="connsiteY10" fmla="*/ 5137894 h 5137894"/>
              <a:gd name="connsiteX11" fmla="*/ 244787 w 2366010"/>
              <a:gd name="connsiteY11" fmla="*/ 5137894 h 5137894"/>
              <a:gd name="connsiteX12" fmla="*/ 0 w 2366010"/>
              <a:gd name="connsiteY12" fmla="*/ 4893107 h 5137894"/>
              <a:gd name="connsiteX13" fmla="*/ 0 w 2366010"/>
              <a:gd name="connsiteY13" fmla="*/ 258231 h 5137894"/>
              <a:gd name="connsiteX0" fmla="*/ 0 w 2366010"/>
              <a:gd name="connsiteY0" fmla="*/ 258231 h 5137894"/>
              <a:gd name="connsiteX1" fmla="*/ 237167 w 2366010"/>
              <a:gd name="connsiteY1" fmla="*/ 10904 h 5137894"/>
              <a:gd name="connsiteX2" fmla="*/ 520700 w 2366010"/>
              <a:gd name="connsiteY2" fmla="*/ 9635 h 5137894"/>
              <a:gd name="connsiteX3" fmla="*/ 727710 w 2366010"/>
              <a:gd name="connsiteY3" fmla="*/ 196324 h 5137894"/>
              <a:gd name="connsiteX4" fmla="*/ 1364453 w 2366010"/>
              <a:gd name="connsiteY4" fmla="*/ 197597 h 5137894"/>
              <a:gd name="connsiteX5" fmla="*/ 1760693 w 2366010"/>
              <a:gd name="connsiteY5" fmla="*/ 189977 h 5137894"/>
              <a:gd name="connsiteX6" fmla="*/ 1877533 w 2366010"/>
              <a:gd name="connsiteY6" fmla="*/ 37577 h 5137894"/>
              <a:gd name="connsiteX7" fmla="*/ 2121223 w 2366010"/>
              <a:gd name="connsiteY7" fmla="*/ 13444 h 5137894"/>
              <a:gd name="connsiteX8" fmla="*/ 2366010 w 2366010"/>
              <a:gd name="connsiteY8" fmla="*/ 258231 h 5137894"/>
              <a:gd name="connsiteX9" fmla="*/ 2366010 w 2366010"/>
              <a:gd name="connsiteY9" fmla="*/ 4893107 h 5137894"/>
              <a:gd name="connsiteX10" fmla="*/ 2121223 w 2366010"/>
              <a:gd name="connsiteY10" fmla="*/ 5137894 h 5137894"/>
              <a:gd name="connsiteX11" fmla="*/ 244787 w 2366010"/>
              <a:gd name="connsiteY11" fmla="*/ 5137894 h 5137894"/>
              <a:gd name="connsiteX12" fmla="*/ 0 w 2366010"/>
              <a:gd name="connsiteY12" fmla="*/ 4893107 h 5137894"/>
              <a:gd name="connsiteX13" fmla="*/ 0 w 2366010"/>
              <a:gd name="connsiteY13" fmla="*/ 258231 h 5137894"/>
              <a:gd name="connsiteX0" fmla="*/ 0 w 2366010"/>
              <a:gd name="connsiteY0" fmla="*/ 263996 h 5143659"/>
              <a:gd name="connsiteX1" fmla="*/ 237167 w 2366010"/>
              <a:gd name="connsiteY1" fmla="*/ 16669 h 5143659"/>
              <a:gd name="connsiteX2" fmla="*/ 520700 w 2366010"/>
              <a:gd name="connsiteY2" fmla="*/ 15400 h 5143659"/>
              <a:gd name="connsiteX3" fmla="*/ 727710 w 2366010"/>
              <a:gd name="connsiteY3" fmla="*/ 202089 h 5143659"/>
              <a:gd name="connsiteX4" fmla="*/ 1364453 w 2366010"/>
              <a:gd name="connsiteY4" fmla="*/ 203362 h 5143659"/>
              <a:gd name="connsiteX5" fmla="*/ 1760693 w 2366010"/>
              <a:gd name="connsiteY5" fmla="*/ 195742 h 5143659"/>
              <a:gd name="connsiteX6" fmla="*/ 1864833 w 2366010"/>
              <a:gd name="connsiteY6" fmla="*/ 25562 h 5143659"/>
              <a:gd name="connsiteX7" fmla="*/ 2121223 w 2366010"/>
              <a:gd name="connsiteY7" fmla="*/ 19209 h 5143659"/>
              <a:gd name="connsiteX8" fmla="*/ 2366010 w 2366010"/>
              <a:gd name="connsiteY8" fmla="*/ 263996 h 5143659"/>
              <a:gd name="connsiteX9" fmla="*/ 2366010 w 2366010"/>
              <a:gd name="connsiteY9" fmla="*/ 4898872 h 5143659"/>
              <a:gd name="connsiteX10" fmla="*/ 2121223 w 2366010"/>
              <a:gd name="connsiteY10" fmla="*/ 5143659 h 5143659"/>
              <a:gd name="connsiteX11" fmla="*/ 244787 w 2366010"/>
              <a:gd name="connsiteY11" fmla="*/ 5143659 h 5143659"/>
              <a:gd name="connsiteX12" fmla="*/ 0 w 2366010"/>
              <a:gd name="connsiteY12" fmla="*/ 4898872 h 5143659"/>
              <a:gd name="connsiteX13" fmla="*/ 0 w 2366010"/>
              <a:gd name="connsiteY13" fmla="*/ 263996 h 5143659"/>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364453 w 2366010"/>
              <a:gd name="connsiteY4" fmla="*/ 196014 h 5136311"/>
              <a:gd name="connsiteX5" fmla="*/ 1760693 w 2366010"/>
              <a:gd name="connsiteY5" fmla="*/ 188394 h 5136311"/>
              <a:gd name="connsiteX6" fmla="*/ 1864833 w 2366010"/>
              <a:gd name="connsiteY6" fmla="*/ 18214 h 5136311"/>
              <a:gd name="connsiteX7" fmla="*/ 2121223 w 2366010"/>
              <a:gd name="connsiteY7" fmla="*/ 11861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6069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60632 h 5140295"/>
              <a:gd name="connsiteX1" fmla="*/ 237167 w 2366010"/>
              <a:gd name="connsiteY1" fmla="*/ 13305 h 5140295"/>
              <a:gd name="connsiteX2" fmla="*/ 520700 w 2366010"/>
              <a:gd name="connsiteY2" fmla="*/ 12036 h 5140295"/>
              <a:gd name="connsiteX3" fmla="*/ 727710 w 2366010"/>
              <a:gd name="connsiteY3" fmla="*/ 198725 h 5140295"/>
              <a:gd name="connsiteX4" fmla="*/ 1364453 w 2366010"/>
              <a:gd name="connsiteY4" fmla="*/ 199998 h 5140295"/>
              <a:gd name="connsiteX5" fmla="*/ 1753073 w 2366010"/>
              <a:gd name="connsiteY5" fmla="*/ 192378 h 5140295"/>
              <a:gd name="connsiteX6" fmla="*/ 1857213 w 2366010"/>
              <a:gd name="connsiteY6" fmla="*/ 14578 h 5140295"/>
              <a:gd name="connsiteX7" fmla="*/ 2121223 w 2366010"/>
              <a:gd name="connsiteY7" fmla="*/ 15845 h 5140295"/>
              <a:gd name="connsiteX8" fmla="*/ 2366010 w 2366010"/>
              <a:gd name="connsiteY8" fmla="*/ 260632 h 5140295"/>
              <a:gd name="connsiteX9" fmla="*/ 2366010 w 2366010"/>
              <a:gd name="connsiteY9" fmla="*/ 4895508 h 5140295"/>
              <a:gd name="connsiteX10" fmla="*/ 2121223 w 2366010"/>
              <a:gd name="connsiteY10" fmla="*/ 5140295 h 5140295"/>
              <a:gd name="connsiteX11" fmla="*/ 244787 w 2366010"/>
              <a:gd name="connsiteY11" fmla="*/ 5140295 h 5140295"/>
              <a:gd name="connsiteX12" fmla="*/ 0 w 2366010"/>
              <a:gd name="connsiteY12" fmla="*/ 4895508 h 5140295"/>
              <a:gd name="connsiteX13" fmla="*/ 0 w 2366010"/>
              <a:gd name="connsiteY13" fmla="*/ 260632 h 5140295"/>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3073 w 2366010"/>
              <a:gd name="connsiteY5" fmla="*/ 193915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59044 h 5138707"/>
              <a:gd name="connsiteX1" fmla="*/ 237167 w 2366010"/>
              <a:gd name="connsiteY1" fmla="*/ 11717 h 5138707"/>
              <a:gd name="connsiteX2" fmla="*/ 520700 w 2366010"/>
              <a:gd name="connsiteY2" fmla="*/ 10448 h 5138707"/>
              <a:gd name="connsiteX3" fmla="*/ 727710 w 2366010"/>
              <a:gd name="connsiteY3" fmla="*/ 197137 h 5138707"/>
              <a:gd name="connsiteX4" fmla="*/ 1364453 w 2366010"/>
              <a:gd name="connsiteY4" fmla="*/ 198410 h 5138707"/>
              <a:gd name="connsiteX5" fmla="*/ 1753073 w 2366010"/>
              <a:gd name="connsiteY5" fmla="*/ 190790 h 5138707"/>
              <a:gd name="connsiteX6" fmla="*/ 1857213 w 2366010"/>
              <a:gd name="connsiteY6" fmla="*/ 12990 h 5138707"/>
              <a:gd name="connsiteX7" fmla="*/ 2121223 w 2366010"/>
              <a:gd name="connsiteY7" fmla="*/ 14257 h 5138707"/>
              <a:gd name="connsiteX8" fmla="*/ 2366010 w 2366010"/>
              <a:gd name="connsiteY8" fmla="*/ 259044 h 5138707"/>
              <a:gd name="connsiteX9" fmla="*/ 2366010 w 2366010"/>
              <a:gd name="connsiteY9" fmla="*/ 4893920 h 5138707"/>
              <a:gd name="connsiteX10" fmla="*/ 2121223 w 2366010"/>
              <a:gd name="connsiteY10" fmla="*/ 5138707 h 5138707"/>
              <a:gd name="connsiteX11" fmla="*/ 244787 w 2366010"/>
              <a:gd name="connsiteY11" fmla="*/ 5138707 h 5138707"/>
              <a:gd name="connsiteX12" fmla="*/ 0 w 2366010"/>
              <a:gd name="connsiteY12" fmla="*/ 4893920 h 5138707"/>
              <a:gd name="connsiteX13" fmla="*/ 0 w 2366010"/>
              <a:gd name="connsiteY13" fmla="*/ 259044 h 5138707"/>
              <a:gd name="connsiteX0" fmla="*/ 0 w 2366010"/>
              <a:gd name="connsiteY0" fmla="*/ 259044 h 5138707"/>
              <a:gd name="connsiteX1" fmla="*/ 237167 w 2366010"/>
              <a:gd name="connsiteY1" fmla="*/ 11717 h 5138707"/>
              <a:gd name="connsiteX2" fmla="*/ 520700 w 2366010"/>
              <a:gd name="connsiteY2" fmla="*/ 10448 h 5138707"/>
              <a:gd name="connsiteX3" fmla="*/ 727710 w 2366010"/>
              <a:gd name="connsiteY3" fmla="*/ 197137 h 5138707"/>
              <a:gd name="connsiteX4" fmla="*/ 1364453 w 2366010"/>
              <a:gd name="connsiteY4" fmla="*/ 198410 h 5138707"/>
              <a:gd name="connsiteX5" fmla="*/ 1753073 w 2366010"/>
              <a:gd name="connsiteY5" fmla="*/ 190790 h 5138707"/>
              <a:gd name="connsiteX6" fmla="*/ 1857213 w 2366010"/>
              <a:gd name="connsiteY6" fmla="*/ 12990 h 5138707"/>
              <a:gd name="connsiteX7" fmla="*/ 2121223 w 2366010"/>
              <a:gd name="connsiteY7" fmla="*/ 14257 h 5138707"/>
              <a:gd name="connsiteX8" fmla="*/ 2366010 w 2366010"/>
              <a:gd name="connsiteY8" fmla="*/ 259044 h 5138707"/>
              <a:gd name="connsiteX9" fmla="*/ 2366010 w 2366010"/>
              <a:gd name="connsiteY9" fmla="*/ 4893920 h 5138707"/>
              <a:gd name="connsiteX10" fmla="*/ 2121223 w 2366010"/>
              <a:gd name="connsiteY10" fmla="*/ 5138707 h 5138707"/>
              <a:gd name="connsiteX11" fmla="*/ 244787 w 2366010"/>
              <a:gd name="connsiteY11" fmla="*/ 5138707 h 5138707"/>
              <a:gd name="connsiteX12" fmla="*/ 0 w 2366010"/>
              <a:gd name="connsiteY12" fmla="*/ 4893920 h 5138707"/>
              <a:gd name="connsiteX13" fmla="*/ 0 w 2366010"/>
              <a:gd name="connsiteY13" fmla="*/ 259044 h 5138707"/>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3073 w 2366010"/>
              <a:gd name="connsiteY5" fmla="*/ 193915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5613 w 2366010"/>
              <a:gd name="connsiteY5" fmla="*/ 186299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5613 w 2366010"/>
              <a:gd name="connsiteY5" fmla="*/ 186299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61383 h 5141046"/>
              <a:gd name="connsiteX1" fmla="*/ 237167 w 2366010"/>
              <a:gd name="connsiteY1" fmla="*/ 14056 h 5141046"/>
              <a:gd name="connsiteX2" fmla="*/ 520700 w 2366010"/>
              <a:gd name="connsiteY2" fmla="*/ 12787 h 5141046"/>
              <a:gd name="connsiteX3" fmla="*/ 727710 w 2366010"/>
              <a:gd name="connsiteY3" fmla="*/ 199476 h 5141046"/>
              <a:gd name="connsiteX4" fmla="*/ 1364453 w 2366010"/>
              <a:gd name="connsiteY4" fmla="*/ 200749 h 5141046"/>
              <a:gd name="connsiteX5" fmla="*/ 1755613 w 2366010"/>
              <a:gd name="connsiteY5" fmla="*/ 185513 h 5141046"/>
              <a:gd name="connsiteX6" fmla="*/ 1857213 w 2366010"/>
              <a:gd name="connsiteY6" fmla="*/ 15329 h 5141046"/>
              <a:gd name="connsiteX7" fmla="*/ 2121223 w 2366010"/>
              <a:gd name="connsiteY7" fmla="*/ 16596 h 5141046"/>
              <a:gd name="connsiteX8" fmla="*/ 2366010 w 2366010"/>
              <a:gd name="connsiteY8" fmla="*/ 261383 h 5141046"/>
              <a:gd name="connsiteX9" fmla="*/ 2366010 w 2366010"/>
              <a:gd name="connsiteY9" fmla="*/ 4896259 h 5141046"/>
              <a:gd name="connsiteX10" fmla="*/ 2121223 w 2366010"/>
              <a:gd name="connsiteY10" fmla="*/ 5141046 h 5141046"/>
              <a:gd name="connsiteX11" fmla="*/ 244787 w 2366010"/>
              <a:gd name="connsiteY11" fmla="*/ 5141046 h 5141046"/>
              <a:gd name="connsiteX12" fmla="*/ 0 w 2366010"/>
              <a:gd name="connsiteY12" fmla="*/ 4896259 h 5141046"/>
              <a:gd name="connsiteX13" fmla="*/ 0 w 2366010"/>
              <a:gd name="connsiteY13" fmla="*/ 261383 h 5141046"/>
              <a:gd name="connsiteX0" fmla="*/ 0 w 2366010"/>
              <a:gd name="connsiteY0" fmla="*/ 261383 h 5141046"/>
              <a:gd name="connsiteX1" fmla="*/ 237167 w 2366010"/>
              <a:gd name="connsiteY1" fmla="*/ 14056 h 5141046"/>
              <a:gd name="connsiteX2" fmla="*/ 520700 w 2366010"/>
              <a:gd name="connsiteY2" fmla="*/ 12787 h 5141046"/>
              <a:gd name="connsiteX3" fmla="*/ 727710 w 2366010"/>
              <a:gd name="connsiteY3" fmla="*/ 199476 h 5141046"/>
              <a:gd name="connsiteX4" fmla="*/ 1364453 w 2366010"/>
              <a:gd name="connsiteY4" fmla="*/ 200749 h 5141046"/>
              <a:gd name="connsiteX5" fmla="*/ 1755613 w 2366010"/>
              <a:gd name="connsiteY5" fmla="*/ 185513 h 5141046"/>
              <a:gd name="connsiteX6" fmla="*/ 1857213 w 2366010"/>
              <a:gd name="connsiteY6" fmla="*/ 15329 h 5141046"/>
              <a:gd name="connsiteX7" fmla="*/ 2121223 w 2366010"/>
              <a:gd name="connsiteY7" fmla="*/ 16596 h 5141046"/>
              <a:gd name="connsiteX8" fmla="*/ 2366010 w 2366010"/>
              <a:gd name="connsiteY8" fmla="*/ 261383 h 5141046"/>
              <a:gd name="connsiteX9" fmla="*/ 2366010 w 2366010"/>
              <a:gd name="connsiteY9" fmla="*/ 4896259 h 5141046"/>
              <a:gd name="connsiteX10" fmla="*/ 2121223 w 2366010"/>
              <a:gd name="connsiteY10" fmla="*/ 5141046 h 5141046"/>
              <a:gd name="connsiteX11" fmla="*/ 244787 w 2366010"/>
              <a:gd name="connsiteY11" fmla="*/ 5141046 h 5141046"/>
              <a:gd name="connsiteX12" fmla="*/ 0 w 2366010"/>
              <a:gd name="connsiteY12" fmla="*/ 4896259 h 5141046"/>
              <a:gd name="connsiteX13" fmla="*/ 0 w 2366010"/>
              <a:gd name="connsiteY13" fmla="*/ 261383 h 5141046"/>
              <a:gd name="connsiteX0" fmla="*/ 0 w 2366010"/>
              <a:gd name="connsiteY0" fmla="*/ 266517 h 5146180"/>
              <a:gd name="connsiteX1" fmla="*/ 237167 w 2366010"/>
              <a:gd name="connsiteY1" fmla="*/ 19190 h 5146180"/>
              <a:gd name="connsiteX2" fmla="*/ 520700 w 2366010"/>
              <a:gd name="connsiteY2" fmla="*/ 17921 h 5146180"/>
              <a:gd name="connsiteX3" fmla="*/ 727710 w 2366010"/>
              <a:gd name="connsiteY3" fmla="*/ 204610 h 5146180"/>
              <a:gd name="connsiteX4" fmla="*/ 1364453 w 2366010"/>
              <a:gd name="connsiteY4" fmla="*/ 205883 h 5146180"/>
              <a:gd name="connsiteX5" fmla="*/ 1755613 w 2366010"/>
              <a:gd name="connsiteY5" fmla="*/ 190647 h 5146180"/>
              <a:gd name="connsiteX6" fmla="*/ 1857213 w 2366010"/>
              <a:gd name="connsiteY6" fmla="*/ 20463 h 5146180"/>
              <a:gd name="connsiteX7" fmla="*/ 2133923 w 2366010"/>
              <a:gd name="connsiteY7" fmla="*/ 14114 h 5146180"/>
              <a:gd name="connsiteX8" fmla="*/ 2366010 w 2366010"/>
              <a:gd name="connsiteY8" fmla="*/ 266517 h 5146180"/>
              <a:gd name="connsiteX9" fmla="*/ 2366010 w 2366010"/>
              <a:gd name="connsiteY9" fmla="*/ 4901393 h 5146180"/>
              <a:gd name="connsiteX10" fmla="*/ 2121223 w 2366010"/>
              <a:gd name="connsiteY10" fmla="*/ 5146180 h 5146180"/>
              <a:gd name="connsiteX11" fmla="*/ 244787 w 2366010"/>
              <a:gd name="connsiteY11" fmla="*/ 5146180 h 5146180"/>
              <a:gd name="connsiteX12" fmla="*/ 0 w 2366010"/>
              <a:gd name="connsiteY12" fmla="*/ 4901393 h 5146180"/>
              <a:gd name="connsiteX13" fmla="*/ 0 w 2366010"/>
              <a:gd name="connsiteY13" fmla="*/ 266517 h 5146180"/>
              <a:gd name="connsiteX0" fmla="*/ 0 w 2366010"/>
              <a:gd name="connsiteY0" fmla="*/ 266517 h 5146180"/>
              <a:gd name="connsiteX1" fmla="*/ 237167 w 2366010"/>
              <a:gd name="connsiteY1" fmla="*/ 19190 h 5146180"/>
              <a:gd name="connsiteX2" fmla="*/ 520700 w 2366010"/>
              <a:gd name="connsiteY2" fmla="*/ 17921 h 5146180"/>
              <a:gd name="connsiteX3" fmla="*/ 727710 w 2366010"/>
              <a:gd name="connsiteY3" fmla="*/ 204610 h 5146180"/>
              <a:gd name="connsiteX4" fmla="*/ 1364453 w 2366010"/>
              <a:gd name="connsiteY4" fmla="*/ 205883 h 5146180"/>
              <a:gd name="connsiteX5" fmla="*/ 1755613 w 2366010"/>
              <a:gd name="connsiteY5" fmla="*/ 190647 h 5146180"/>
              <a:gd name="connsiteX6" fmla="*/ 1857213 w 2366010"/>
              <a:gd name="connsiteY6" fmla="*/ 20463 h 5146180"/>
              <a:gd name="connsiteX7" fmla="*/ 2133923 w 2366010"/>
              <a:gd name="connsiteY7" fmla="*/ 14114 h 5146180"/>
              <a:gd name="connsiteX8" fmla="*/ 2366010 w 2366010"/>
              <a:gd name="connsiteY8" fmla="*/ 266517 h 5146180"/>
              <a:gd name="connsiteX9" fmla="*/ 2366010 w 2366010"/>
              <a:gd name="connsiteY9" fmla="*/ 4901393 h 5146180"/>
              <a:gd name="connsiteX10" fmla="*/ 2121223 w 2366010"/>
              <a:gd name="connsiteY10" fmla="*/ 5146180 h 5146180"/>
              <a:gd name="connsiteX11" fmla="*/ 244787 w 2366010"/>
              <a:gd name="connsiteY11" fmla="*/ 5146180 h 5146180"/>
              <a:gd name="connsiteX12" fmla="*/ 0 w 2366010"/>
              <a:gd name="connsiteY12" fmla="*/ 4901393 h 5146180"/>
              <a:gd name="connsiteX13" fmla="*/ 0 w 2366010"/>
              <a:gd name="connsiteY13" fmla="*/ 266517 h 5146180"/>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364453 w 2366010"/>
              <a:gd name="connsiteY4" fmla="*/ 207009 h 5147306"/>
              <a:gd name="connsiteX5" fmla="*/ 1755613 w 2366010"/>
              <a:gd name="connsiteY5" fmla="*/ 191773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5613 w 2366010"/>
              <a:gd name="connsiteY5" fmla="*/ 191773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5613 w 2366010"/>
              <a:gd name="connsiteY5" fmla="*/ 191773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3708 w 2366010"/>
              <a:gd name="connsiteY5" fmla="*/ 189869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3708 w 2366010"/>
              <a:gd name="connsiteY5" fmla="*/ 189869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8788 w 2366010"/>
              <a:gd name="connsiteY5" fmla="*/ 173797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32790 w 2366010"/>
              <a:gd name="connsiteY3" fmla="*/ 189664 h 5136311"/>
              <a:gd name="connsiteX4" fmla="*/ 1274918 w 2366010"/>
              <a:gd name="connsiteY4" fmla="*/ 194110 h 5136311"/>
              <a:gd name="connsiteX5" fmla="*/ 1758788 w 2366010"/>
              <a:gd name="connsiteY5" fmla="*/ 173797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2366010" h="5136311">
                <a:moveTo>
                  <a:pt x="0" y="256648"/>
                </a:moveTo>
                <a:cubicBezTo>
                  <a:pt x="0" y="121456"/>
                  <a:pt x="101975" y="14401"/>
                  <a:pt x="237167" y="9321"/>
                </a:cubicBezTo>
                <a:cubicBezTo>
                  <a:pt x="333052" y="-1632"/>
                  <a:pt x="444023" y="-4013"/>
                  <a:pt x="520700" y="8052"/>
                </a:cubicBezTo>
                <a:cubicBezTo>
                  <a:pt x="570707" y="42977"/>
                  <a:pt x="486568" y="204269"/>
                  <a:pt x="732790" y="189664"/>
                </a:cubicBezTo>
                <a:cubicBezTo>
                  <a:pt x="889925" y="194321"/>
                  <a:pt x="1103918" y="196755"/>
                  <a:pt x="1274918" y="194110"/>
                </a:cubicBezTo>
                <a:cubicBezTo>
                  <a:pt x="1445918" y="191466"/>
                  <a:pt x="1661739" y="204383"/>
                  <a:pt x="1758788" y="173797"/>
                </a:cubicBezTo>
                <a:cubicBezTo>
                  <a:pt x="1855837" y="143211"/>
                  <a:pt x="1797125" y="37475"/>
                  <a:pt x="1857213" y="10594"/>
                </a:cubicBezTo>
                <a:cubicBezTo>
                  <a:pt x="1896981" y="-1049"/>
                  <a:pt x="2008907" y="688"/>
                  <a:pt x="2133923" y="4245"/>
                </a:cubicBezTo>
                <a:cubicBezTo>
                  <a:pt x="2258939" y="7802"/>
                  <a:pt x="2366010" y="121456"/>
                  <a:pt x="2366010" y="256648"/>
                </a:cubicBezTo>
                <a:lnTo>
                  <a:pt x="2366010" y="4891524"/>
                </a:lnTo>
                <a:cubicBezTo>
                  <a:pt x="2366010" y="5026716"/>
                  <a:pt x="2256415" y="5136311"/>
                  <a:pt x="2121223" y="5136311"/>
                </a:cubicBezTo>
                <a:lnTo>
                  <a:pt x="244787" y="5136311"/>
                </a:lnTo>
                <a:cubicBezTo>
                  <a:pt x="109595" y="5136311"/>
                  <a:pt x="0" y="5026716"/>
                  <a:pt x="0" y="4891524"/>
                </a:cubicBezTo>
                <a:lnTo>
                  <a:pt x="0" y="256648"/>
                </a:lnTo>
                <a:close/>
              </a:path>
            </a:pathLst>
          </a:custGeom>
          <a:solidFill>
            <a:schemeClr val="tx1"/>
          </a:solidFill>
        </p:spPr>
        <p:txBody>
          <a:bodyPr lIns="252000" tIns="612000" bIns="90000" anchor="t">
            <a:normAutofit/>
          </a:bodyPr>
          <a:lstStyle>
            <a:lvl1pPr marL="0" indent="0" algn="l">
              <a:buNone/>
              <a:defRPr lang="fr-FR" sz="2800" kern="1200" dirty="0">
                <a:solidFill>
                  <a:schemeClr val="accent1"/>
                </a:solidFill>
                <a:latin typeface="Segoe UI Semibold" panose="020B0702040204020203" pitchFamily="34" charset="0"/>
                <a:ea typeface="+mn-ea"/>
                <a:cs typeface="Segoe UI Semibold" panose="020B0702040204020203" pitchFamily="34" charset="0"/>
              </a:defRPr>
            </a:lvl1pPr>
          </a:lstStyle>
          <a:p>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1137570679"/>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iPhone X Zoom">
    <p:spTree>
      <p:nvGrpSpPr>
        <p:cNvPr id="1" name=""/>
        <p:cNvGrpSpPr/>
        <p:nvPr/>
      </p:nvGrpSpPr>
      <p:grpSpPr>
        <a:xfrm>
          <a:off x="0" y="0"/>
          <a:ext cx="0" cy="0"/>
          <a:chOff x="0" y="0"/>
          <a:chExt cx="0" cy="0"/>
        </a:xfrm>
      </p:grpSpPr>
      <p:sp>
        <p:nvSpPr>
          <p:cNvPr id="16" name="Picture Placeholder 2">
            <a:extLst>
              <a:ext uri="{FF2B5EF4-FFF2-40B4-BE49-F238E27FC236}">
                <a16:creationId xmlns:a16="http://schemas.microsoft.com/office/drawing/2014/main" id="{1908C951-434A-4DD1-AFA3-1AF87D704742}"/>
              </a:ext>
            </a:extLst>
          </p:cNvPr>
          <p:cNvSpPr>
            <a:spLocks noGrp="1"/>
          </p:cNvSpPr>
          <p:nvPr>
            <p:ph type="pic" sz="quarter" idx="11" hasCustomPrompt="1"/>
          </p:nvPr>
        </p:nvSpPr>
        <p:spPr>
          <a:xfrm>
            <a:off x="1103086" y="1534810"/>
            <a:ext cx="3795555" cy="5334729"/>
          </a:xfrm>
          <a:custGeom>
            <a:avLst/>
            <a:gdLst>
              <a:gd name="connsiteX0" fmla="*/ 0 w 2366010"/>
              <a:gd name="connsiteY0" fmla="*/ 244787 h 5124450"/>
              <a:gd name="connsiteX1" fmla="*/ 244787 w 2366010"/>
              <a:gd name="connsiteY1" fmla="*/ 0 h 5124450"/>
              <a:gd name="connsiteX2" fmla="*/ 2121223 w 2366010"/>
              <a:gd name="connsiteY2" fmla="*/ 0 h 5124450"/>
              <a:gd name="connsiteX3" fmla="*/ 2366010 w 2366010"/>
              <a:gd name="connsiteY3" fmla="*/ 244787 h 5124450"/>
              <a:gd name="connsiteX4" fmla="*/ 2366010 w 2366010"/>
              <a:gd name="connsiteY4" fmla="*/ 4879663 h 5124450"/>
              <a:gd name="connsiteX5" fmla="*/ 2121223 w 2366010"/>
              <a:gd name="connsiteY5" fmla="*/ 5124450 h 5124450"/>
              <a:gd name="connsiteX6" fmla="*/ 244787 w 2366010"/>
              <a:gd name="connsiteY6" fmla="*/ 5124450 h 5124450"/>
              <a:gd name="connsiteX7" fmla="*/ 0 w 2366010"/>
              <a:gd name="connsiteY7" fmla="*/ 4879663 h 5124450"/>
              <a:gd name="connsiteX8" fmla="*/ 0 w 2366010"/>
              <a:gd name="connsiteY8" fmla="*/ 244787 h 5124450"/>
              <a:gd name="connsiteX0" fmla="*/ 0 w 2366010"/>
              <a:gd name="connsiteY0" fmla="*/ 244793 h 5124456"/>
              <a:gd name="connsiteX1" fmla="*/ 244787 w 2366010"/>
              <a:gd name="connsiteY1" fmla="*/ 6 h 5124456"/>
              <a:gd name="connsiteX2" fmla="*/ 659130 w 2366010"/>
              <a:gd name="connsiteY2" fmla="*/ 186696 h 5124456"/>
              <a:gd name="connsiteX3" fmla="*/ 2121223 w 2366010"/>
              <a:gd name="connsiteY3" fmla="*/ 6 h 5124456"/>
              <a:gd name="connsiteX4" fmla="*/ 2366010 w 2366010"/>
              <a:gd name="connsiteY4" fmla="*/ 244793 h 5124456"/>
              <a:gd name="connsiteX5" fmla="*/ 2366010 w 2366010"/>
              <a:gd name="connsiteY5" fmla="*/ 4879669 h 5124456"/>
              <a:gd name="connsiteX6" fmla="*/ 2121223 w 2366010"/>
              <a:gd name="connsiteY6" fmla="*/ 5124456 h 5124456"/>
              <a:gd name="connsiteX7" fmla="*/ 244787 w 2366010"/>
              <a:gd name="connsiteY7" fmla="*/ 5124456 h 5124456"/>
              <a:gd name="connsiteX8" fmla="*/ 0 w 2366010"/>
              <a:gd name="connsiteY8" fmla="*/ 4879669 h 5124456"/>
              <a:gd name="connsiteX9" fmla="*/ 0 w 2366010"/>
              <a:gd name="connsiteY9" fmla="*/ 244793 h 5124456"/>
              <a:gd name="connsiteX0" fmla="*/ 0 w 2366010"/>
              <a:gd name="connsiteY0" fmla="*/ 244794 h 5124457"/>
              <a:gd name="connsiteX1" fmla="*/ 244787 w 2366010"/>
              <a:gd name="connsiteY1" fmla="*/ 7 h 5124457"/>
              <a:gd name="connsiteX2" fmla="*/ 659130 w 2366010"/>
              <a:gd name="connsiteY2" fmla="*/ 186697 h 5124457"/>
              <a:gd name="connsiteX3" fmla="*/ 2121223 w 2366010"/>
              <a:gd name="connsiteY3" fmla="*/ 7 h 5124457"/>
              <a:gd name="connsiteX4" fmla="*/ 2366010 w 2366010"/>
              <a:gd name="connsiteY4" fmla="*/ 244794 h 5124457"/>
              <a:gd name="connsiteX5" fmla="*/ 2366010 w 2366010"/>
              <a:gd name="connsiteY5" fmla="*/ 4879670 h 5124457"/>
              <a:gd name="connsiteX6" fmla="*/ 2121223 w 2366010"/>
              <a:gd name="connsiteY6" fmla="*/ 5124457 h 5124457"/>
              <a:gd name="connsiteX7" fmla="*/ 244787 w 2366010"/>
              <a:gd name="connsiteY7" fmla="*/ 5124457 h 5124457"/>
              <a:gd name="connsiteX8" fmla="*/ 0 w 2366010"/>
              <a:gd name="connsiteY8" fmla="*/ 4879670 h 5124457"/>
              <a:gd name="connsiteX9" fmla="*/ 0 w 2366010"/>
              <a:gd name="connsiteY9" fmla="*/ 244794 h 5124457"/>
              <a:gd name="connsiteX0" fmla="*/ 0 w 2366010"/>
              <a:gd name="connsiteY0" fmla="*/ 253683 h 5133346"/>
              <a:gd name="connsiteX1" fmla="*/ 244787 w 2366010"/>
              <a:gd name="connsiteY1" fmla="*/ 8896 h 5133346"/>
              <a:gd name="connsiteX2" fmla="*/ 502920 w 2366010"/>
              <a:gd name="connsiteY2" fmla="*/ 50807 h 5133346"/>
              <a:gd name="connsiteX3" fmla="*/ 659130 w 2366010"/>
              <a:gd name="connsiteY3" fmla="*/ 195586 h 5133346"/>
              <a:gd name="connsiteX4" fmla="*/ 2121223 w 2366010"/>
              <a:gd name="connsiteY4" fmla="*/ 8896 h 5133346"/>
              <a:gd name="connsiteX5" fmla="*/ 2366010 w 2366010"/>
              <a:gd name="connsiteY5" fmla="*/ 253683 h 5133346"/>
              <a:gd name="connsiteX6" fmla="*/ 2366010 w 2366010"/>
              <a:gd name="connsiteY6" fmla="*/ 4888559 h 5133346"/>
              <a:gd name="connsiteX7" fmla="*/ 2121223 w 2366010"/>
              <a:gd name="connsiteY7" fmla="*/ 5133346 h 5133346"/>
              <a:gd name="connsiteX8" fmla="*/ 244787 w 2366010"/>
              <a:gd name="connsiteY8" fmla="*/ 5133346 h 5133346"/>
              <a:gd name="connsiteX9" fmla="*/ 0 w 2366010"/>
              <a:gd name="connsiteY9" fmla="*/ 4888559 h 5133346"/>
              <a:gd name="connsiteX10" fmla="*/ 0 w 2366010"/>
              <a:gd name="connsiteY10" fmla="*/ 253683 h 5133346"/>
              <a:gd name="connsiteX0" fmla="*/ 0 w 2366010"/>
              <a:gd name="connsiteY0" fmla="*/ 253683 h 5133346"/>
              <a:gd name="connsiteX1" fmla="*/ 244787 w 2366010"/>
              <a:gd name="connsiteY1" fmla="*/ 8896 h 5133346"/>
              <a:gd name="connsiteX2" fmla="*/ 502920 w 2366010"/>
              <a:gd name="connsiteY2" fmla="*/ 50807 h 5133346"/>
              <a:gd name="connsiteX3" fmla="*/ 659130 w 2366010"/>
              <a:gd name="connsiteY3" fmla="*/ 195586 h 5133346"/>
              <a:gd name="connsiteX4" fmla="*/ 2121223 w 2366010"/>
              <a:gd name="connsiteY4" fmla="*/ 8896 h 5133346"/>
              <a:gd name="connsiteX5" fmla="*/ 2366010 w 2366010"/>
              <a:gd name="connsiteY5" fmla="*/ 253683 h 5133346"/>
              <a:gd name="connsiteX6" fmla="*/ 2366010 w 2366010"/>
              <a:gd name="connsiteY6" fmla="*/ 4888559 h 5133346"/>
              <a:gd name="connsiteX7" fmla="*/ 2121223 w 2366010"/>
              <a:gd name="connsiteY7" fmla="*/ 5133346 h 5133346"/>
              <a:gd name="connsiteX8" fmla="*/ 244787 w 2366010"/>
              <a:gd name="connsiteY8" fmla="*/ 5133346 h 5133346"/>
              <a:gd name="connsiteX9" fmla="*/ 0 w 2366010"/>
              <a:gd name="connsiteY9" fmla="*/ 4888559 h 5133346"/>
              <a:gd name="connsiteX10" fmla="*/ 0 w 2366010"/>
              <a:gd name="connsiteY10" fmla="*/ 253683 h 5133346"/>
              <a:gd name="connsiteX0" fmla="*/ 0 w 2366010"/>
              <a:gd name="connsiteY0" fmla="*/ 253683 h 5133346"/>
              <a:gd name="connsiteX1" fmla="*/ 244787 w 2366010"/>
              <a:gd name="connsiteY1" fmla="*/ 8896 h 5133346"/>
              <a:gd name="connsiteX2" fmla="*/ 502920 w 2366010"/>
              <a:gd name="connsiteY2" fmla="*/ 50807 h 5133346"/>
              <a:gd name="connsiteX3" fmla="*/ 735330 w 2366010"/>
              <a:gd name="connsiteY3" fmla="*/ 195586 h 5133346"/>
              <a:gd name="connsiteX4" fmla="*/ 2121223 w 2366010"/>
              <a:gd name="connsiteY4" fmla="*/ 8896 h 5133346"/>
              <a:gd name="connsiteX5" fmla="*/ 2366010 w 2366010"/>
              <a:gd name="connsiteY5" fmla="*/ 253683 h 5133346"/>
              <a:gd name="connsiteX6" fmla="*/ 2366010 w 2366010"/>
              <a:gd name="connsiteY6" fmla="*/ 4888559 h 5133346"/>
              <a:gd name="connsiteX7" fmla="*/ 2121223 w 2366010"/>
              <a:gd name="connsiteY7" fmla="*/ 5133346 h 5133346"/>
              <a:gd name="connsiteX8" fmla="*/ 244787 w 2366010"/>
              <a:gd name="connsiteY8" fmla="*/ 5133346 h 5133346"/>
              <a:gd name="connsiteX9" fmla="*/ 0 w 2366010"/>
              <a:gd name="connsiteY9" fmla="*/ 4888559 h 5133346"/>
              <a:gd name="connsiteX10" fmla="*/ 0 w 2366010"/>
              <a:gd name="connsiteY10" fmla="*/ 253683 h 5133346"/>
              <a:gd name="connsiteX0" fmla="*/ 0 w 2366010"/>
              <a:gd name="connsiteY0" fmla="*/ 259704 h 5139367"/>
              <a:gd name="connsiteX1" fmla="*/ 244787 w 2366010"/>
              <a:gd name="connsiteY1" fmla="*/ 14917 h 5139367"/>
              <a:gd name="connsiteX2" fmla="*/ 499110 w 2366010"/>
              <a:gd name="connsiteY2" fmla="*/ 30158 h 5139367"/>
              <a:gd name="connsiteX3" fmla="*/ 735330 w 2366010"/>
              <a:gd name="connsiteY3" fmla="*/ 201607 h 5139367"/>
              <a:gd name="connsiteX4" fmla="*/ 2121223 w 2366010"/>
              <a:gd name="connsiteY4" fmla="*/ 14917 h 5139367"/>
              <a:gd name="connsiteX5" fmla="*/ 2366010 w 2366010"/>
              <a:gd name="connsiteY5" fmla="*/ 259704 h 5139367"/>
              <a:gd name="connsiteX6" fmla="*/ 2366010 w 2366010"/>
              <a:gd name="connsiteY6" fmla="*/ 4894580 h 5139367"/>
              <a:gd name="connsiteX7" fmla="*/ 2121223 w 2366010"/>
              <a:gd name="connsiteY7" fmla="*/ 5139367 h 5139367"/>
              <a:gd name="connsiteX8" fmla="*/ 244787 w 2366010"/>
              <a:gd name="connsiteY8" fmla="*/ 5139367 h 5139367"/>
              <a:gd name="connsiteX9" fmla="*/ 0 w 2366010"/>
              <a:gd name="connsiteY9" fmla="*/ 4894580 h 5139367"/>
              <a:gd name="connsiteX10" fmla="*/ 0 w 2366010"/>
              <a:gd name="connsiteY10" fmla="*/ 259704 h 5139367"/>
              <a:gd name="connsiteX0" fmla="*/ 0 w 2366010"/>
              <a:gd name="connsiteY0" fmla="*/ 255334 h 5134997"/>
              <a:gd name="connsiteX1" fmla="*/ 244787 w 2366010"/>
              <a:gd name="connsiteY1" fmla="*/ 10547 h 5134997"/>
              <a:gd name="connsiteX2" fmla="*/ 499110 w 2366010"/>
              <a:gd name="connsiteY2" fmla="*/ 25788 h 5134997"/>
              <a:gd name="connsiteX3" fmla="*/ 735330 w 2366010"/>
              <a:gd name="connsiteY3" fmla="*/ 197237 h 5134997"/>
              <a:gd name="connsiteX4" fmla="*/ 2121223 w 2366010"/>
              <a:gd name="connsiteY4" fmla="*/ 10547 h 5134997"/>
              <a:gd name="connsiteX5" fmla="*/ 2366010 w 2366010"/>
              <a:gd name="connsiteY5" fmla="*/ 255334 h 5134997"/>
              <a:gd name="connsiteX6" fmla="*/ 2366010 w 2366010"/>
              <a:gd name="connsiteY6" fmla="*/ 4890210 h 5134997"/>
              <a:gd name="connsiteX7" fmla="*/ 2121223 w 2366010"/>
              <a:gd name="connsiteY7" fmla="*/ 5134997 h 5134997"/>
              <a:gd name="connsiteX8" fmla="*/ 244787 w 2366010"/>
              <a:gd name="connsiteY8" fmla="*/ 5134997 h 5134997"/>
              <a:gd name="connsiteX9" fmla="*/ 0 w 2366010"/>
              <a:gd name="connsiteY9" fmla="*/ 4890210 h 5134997"/>
              <a:gd name="connsiteX10" fmla="*/ 0 w 2366010"/>
              <a:gd name="connsiteY10" fmla="*/ 255334 h 5134997"/>
              <a:gd name="connsiteX0" fmla="*/ 0 w 2366010"/>
              <a:gd name="connsiteY0" fmla="*/ 255334 h 5134997"/>
              <a:gd name="connsiteX1" fmla="*/ 244787 w 2366010"/>
              <a:gd name="connsiteY1" fmla="*/ 10547 h 5134997"/>
              <a:gd name="connsiteX2" fmla="*/ 499110 w 2366010"/>
              <a:gd name="connsiteY2" fmla="*/ 25788 h 5134997"/>
              <a:gd name="connsiteX3" fmla="*/ 731520 w 2366010"/>
              <a:gd name="connsiteY3" fmla="*/ 193427 h 5134997"/>
              <a:gd name="connsiteX4" fmla="*/ 2121223 w 2366010"/>
              <a:gd name="connsiteY4" fmla="*/ 10547 h 5134997"/>
              <a:gd name="connsiteX5" fmla="*/ 2366010 w 2366010"/>
              <a:gd name="connsiteY5" fmla="*/ 255334 h 5134997"/>
              <a:gd name="connsiteX6" fmla="*/ 2366010 w 2366010"/>
              <a:gd name="connsiteY6" fmla="*/ 4890210 h 5134997"/>
              <a:gd name="connsiteX7" fmla="*/ 2121223 w 2366010"/>
              <a:gd name="connsiteY7" fmla="*/ 5134997 h 5134997"/>
              <a:gd name="connsiteX8" fmla="*/ 244787 w 2366010"/>
              <a:gd name="connsiteY8" fmla="*/ 5134997 h 5134997"/>
              <a:gd name="connsiteX9" fmla="*/ 0 w 2366010"/>
              <a:gd name="connsiteY9" fmla="*/ 4890210 h 5134997"/>
              <a:gd name="connsiteX10" fmla="*/ 0 w 2366010"/>
              <a:gd name="connsiteY10" fmla="*/ 255334 h 5134997"/>
              <a:gd name="connsiteX0" fmla="*/ 0 w 2366010"/>
              <a:gd name="connsiteY0" fmla="*/ 258273 h 5137936"/>
              <a:gd name="connsiteX1" fmla="*/ 244787 w 2366010"/>
              <a:gd name="connsiteY1" fmla="*/ 13486 h 5137936"/>
              <a:gd name="connsiteX2" fmla="*/ 510540 w 2366010"/>
              <a:gd name="connsiteY2" fmla="*/ 17297 h 5137936"/>
              <a:gd name="connsiteX3" fmla="*/ 73152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8273 h 5137936"/>
              <a:gd name="connsiteX1" fmla="*/ 244787 w 2366010"/>
              <a:gd name="connsiteY1" fmla="*/ 13486 h 5137936"/>
              <a:gd name="connsiteX2" fmla="*/ 510540 w 2366010"/>
              <a:gd name="connsiteY2" fmla="*/ 17297 h 5137936"/>
              <a:gd name="connsiteX3" fmla="*/ 73152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8273 h 5137936"/>
              <a:gd name="connsiteX1" fmla="*/ 244787 w 2366010"/>
              <a:gd name="connsiteY1" fmla="*/ 13486 h 5137936"/>
              <a:gd name="connsiteX2" fmla="*/ 510540 w 2366010"/>
              <a:gd name="connsiteY2" fmla="*/ 17297 h 5137936"/>
              <a:gd name="connsiteX3" fmla="*/ 73914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8273 h 5137936"/>
              <a:gd name="connsiteX1" fmla="*/ 244787 w 2366010"/>
              <a:gd name="connsiteY1" fmla="*/ 13486 h 5137936"/>
              <a:gd name="connsiteX2" fmla="*/ 510540 w 2366010"/>
              <a:gd name="connsiteY2" fmla="*/ 17297 h 5137936"/>
              <a:gd name="connsiteX3" fmla="*/ 73914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1685 h 5131348"/>
              <a:gd name="connsiteX1" fmla="*/ 244787 w 2366010"/>
              <a:gd name="connsiteY1" fmla="*/ 6898 h 5131348"/>
              <a:gd name="connsiteX2" fmla="*/ 510540 w 2366010"/>
              <a:gd name="connsiteY2" fmla="*/ 10709 h 5131348"/>
              <a:gd name="connsiteX3" fmla="*/ 739140 w 2366010"/>
              <a:gd name="connsiteY3" fmla="*/ 189778 h 5131348"/>
              <a:gd name="connsiteX4" fmla="*/ 2121223 w 2366010"/>
              <a:gd name="connsiteY4" fmla="*/ 6898 h 5131348"/>
              <a:gd name="connsiteX5" fmla="*/ 2366010 w 2366010"/>
              <a:gd name="connsiteY5" fmla="*/ 251685 h 5131348"/>
              <a:gd name="connsiteX6" fmla="*/ 2366010 w 2366010"/>
              <a:gd name="connsiteY6" fmla="*/ 4886561 h 5131348"/>
              <a:gd name="connsiteX7" fmla="*/ 2121223 w 2366010"/>
              <a:gd name="connsiteY7" fmla="*/ 5131348 h 5131348"/>
              <a:gd name="connsiteX8" fmla="*/ 244787 w 2366010"/>
              <a:gd name="connsiteY8" fmla="*/ 5131348 h 5131348"/>
              <a:gd name="connsiteX9" fmla="*/ 0 w 2366010"/>
              <a:gd name="connsiteY9" fmla="*/ 4886561 h 5131348"/>
              <a:gd name="connsiteX10" fmla="*/ 0 w 2366010"/>
              <a:gd name="connsiteY10" fmla="*/ 251685 h 5131348"/>
              <a:gd name="connsiteX0" fmla="*/ 0 w 2366010"/>
              <a:gd name="connsiteY0" fmla="*/ 251685 h 5131348"/>
              <a:gd name="connsiteX1" fmla="*/ 244787 w 2366010"/>
              <a:gd name="connsiteY1" fmla="*/ 6898 h 5131348"/>
              <a:gd name="connsiteX2" fmla="*/ 510540 w 2366010"/>
              <a:gd name="connsiteY2" fmla="*/ 10709 h 5131348"/>
              <a:gd name="connsiteX3" fmla="*/ 727710 w 2366010"/>
              <a:gd name="connsiteY3" fmla="*/ 189778 h 5131348"/>
              <a:gd name="connsiteX4" fmla="*/ 2121223 w 2366010"/>
              <a:gd name="connsiteY4" fmla="*/ 6898 h 5131348"/>
              <a:gd name="connsiteX5" fmla="*/ 2366010 w 2366010"/>
              <a:gd name="connsiteY5" fmla="*/ 251685 h 5131348"/>
              <a:gd name="connsiteX6" fmla="*/ 2366010 w 2366010"/>
              <a:gd name="connsiteY6" fmla="*/ 4886561 h 5131348"/>
              <a:gd name="connsiteX7" fmla="*/ 2121223 w 2366010"/>
              <a:gd name="connsiteY7" fmla="*/ 5131348 h 5131348"/>
              <a:gd name="connsiteX8" fmla="*/ 244787 w 2366010"/>
              <a:gd name="connsiteY8" fmla="*/ 5131348 h 5131348"/>
              <a:gd name="connsiteX9" fmla="*/ 0 w 2366010"/>
              <a:gd name="connsiteY9" fmla="*/ 4886561 h 5131348"/>
              <a:gd name="connsiteX10" fmla="*/ 0 w 2366010"/>
              <a:gd name="connsiteY10" fmla="*/ 251685 h 5131348"/>
              <a:gd name="connsiteX0" fmla="*/ 0 w 2366010"/>
              <a:gd name="connsiteY0" fmla="*/ 255624 h 5135287"/>
              <a:gd name="connsiteX1" fmla="*/ 244787 w 2366010"/>
              <a:gd name="connsiteY1" fmla="*/ 10837 h 5135287"/>
              <a:gd name="connsiteX2" fmla="*/ 520700 w 2366010"/>
              <a:gd name="connsiteY2" fmla="*/ 7028 h 5135287"/>
              <a:gd name="connsiteX3" fmla="*/ 727710 w 2366010"/>
              <a:gd name="connsiteY3" fmla="*/ 193717 h 5135287"/>
              <a:gd name="connsiteX4" fmla="*/ 2121223 w 2366010"/>
              <a:gd name="connsiteY4" fmla="*/ 10837 h 5135287"/>
              <a:gd name="connsiteX5" fmla="*/ 2366010 w 2366010"/>
              <a:gd name="connsiteY5" fmla="*/ 255624 h 5135287"/>
              <a:gd name="connsiteX6" fmla="*/ 2366010 w 2366010"/>
              <a:gd name="connsiteY6" fmla="*/ 4890500 h 5135287"/>
              <a:gd name="connsiteX7" fmla="*/ 2121223 w 2366010"/>
              <a:gd name="connsiteY7" fmla="*/ 5135287 h 5135287"/>
              <a:gd name="connsiteX8" fmla="*/ 244787 w 2366010"/>
              <a:gd name="connsiteY8" fmla="*/ 5135287 h 5135287"/>
              <a:gd name="connsiteX9" fmla="*/ 0 w 2366010"/>
              <a:gd name="connsiteY9" fmla="*/ 4890500 h 5135287"/>
              <a:gd name="connsiteX10" fmla="*/ 0 w 2366010"/>
              <a:gd name="connsiteY10" fmla="*/ 255624 h 5135287"/>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2121223 w 2366010"/>
              <a:gd name="connsiteY4" fmla="*/ 11860 h 5136310"/>
              <a:gd name="connsiteX5" fmla="*/ 2366010 w 2366010"/>
              <a:gd name="connsiteY5" fmla="*/ 256647 h 5136310"/>
              <a:gd name="connsiteX6" fmla="*/ 2366010 w 2366010"/>
              <a:gd name="connsiteY6" fmla="*/ 4891523 h 5136310"/>
              <a:gd name="connsiteX7" fmla="*/ 2121223 w 2366010"/>
              <a:gd name="connsiteY7" fmla="*/ 5136310 h 5136310"/>
              <a:gd name="connsiteX8" fmla="*/ 244787 w 2366010"/>
              <a:gd name="connsiteY8" fmla="*/ 5136310 h 5136310"/>
              <a:gd name="connsiteX9" fmla="*/ 0 w 2366010"/>
              <a:gd name="connsiteY9" fmla="*/ 4891523 h 5136310"/>
              <a:gd name="connsiteX10" fmla="*/ 0 w 2366010"/>
              <a:gd name="connsiteY10"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2121223 w 2366010"/>
              <a:gd name="connsiteY4" fmla="*/ 11860 h 5136310"/>
              <a:gd name="connsiteX5" fmla="*/ 2366010 w 2366010"/>
              <a:gd name="connsiteY5" fmla="*/ 256647 h 5136310"/>
              <a:gd name="connsiteX6" fmla="*/ 2366010 w 2366010"/>
              <a:gd name="connsiteY6" fmla="*/ 4891523 h 5136310"/>
              <a:gd name="connsiteX7" fmla="*/ 2121223 w 2366010"/>
              <a:gd name="connsiteY7" fmla="*/ 5136310 h 5136310"/>
              <a:gd name="connsiteX8" fmla="*/ 244787 w 2366010"/>
              <a:gd name="connsiteY8" fmla="*/ 5136310 h 5136310"/>
              <a:gd name="connsiteX9" fmla="*/ 0 w 2366010"/>
              <a:gd name="connsiteY9" fmla="*/ 4891523 h 5136310"/>
              <a:gd name="connsiteX10" fmla="*/ 0 w 2366010"/>
              <a:gd name="connsiteY10"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2381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58153 w 2366010"/>
              <a:gd name="connsiteY5" fmla="*/ 13759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65773 w 2366010"/>
              <a:gd name="connsiteY5" fmla="*/ 17823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73393 w 2366010"/>
              <a:gd name="connsiteY5" fmla="*/ 21125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60693 w 2366010"/>
              <a:gd name="connsiteY5" fmla="*/ 18839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60693 w 2366010"/>
              <a:gd name="connsiteY5" fmla="*/ 18839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8231 h 5137894"/>
              <a:gd name="connsiteX1" fmla="*/ 237167 w 2366010"/>
              <a:gd name="connsiteY1" fmla="*/ 10904 h 5137894"/>
              <a:gd name="connsiteX2" fmla="*/ 520700 w 2366010"/>
              <a:gd name="connsiteY2" fmla="*/ 9635 h 5137894"/>
              <a:gd name="connsiteX3" fmla="*/ 727710 w 2366010"/>
              <a:gd name="connsiteY3" fmla="*/ 196324 h 5137894"/>
              <a:gd name="connsiteX4" fmla="*/ 1364453 w 2366010"/>
              <a:gd name="connsiteY4" fmla="*/ 197597 h 5137894"/>
              <a:gd name="connsiteX5" fmla="*/ 1760693 w 2366010"/>
              <a:gd name="connsiteY5" fmla="*/ 189977 h 5137894"/>
              <a:gd name="connsiteX6" fmla="*/ 1877533 w 2366010"/>
              <a:gd name="connsiteY6" fmla="*/ 37577 h 5137894"/>
              <a:gd name="connsiteX7" fmla="*/ 2121223 w 2366010"/>
              <a:gd name="connsiteY7" fmla="*/ 13444 h 5137894"/>
              <a:gd name="connsiteX8" fmla="*/ 2366010 w 2366010"/>
              <a:gd name="connsiteY8" fmla="*/ 258231 h 5137894"/>
              <a:gd name="connsiteX9" fmla="*/ 2366010 w 2366010"/>
              <a:gd name="connsiteY9" fmla="*/ 4893107 h 5137894"/>
              <a:gd name="connsiteX10" fmla="*/ 2121223 w 2366010"/>
              <a:gd name="connsiteY10" fmla="*/ 5137894 h 5137894"/>
              <a:gd name="connsiteX11" fmla="*/ 244787 w 2366010"/>
              <a:gd name="connsiteY11" fmla="*/ 5137894 h 5137894"/>
              <a:gd name="connsiteX12" fmla="*/ 0 w 2366010"/>
              <a:gd name="connsiteY12" fmla="*/ 4893107 h 5137894"/>
              <a:gd name="connsiteX13" fmla="*/ 0 w 2366010"/>
              <a:gd name="connsiteY13" fmla="*/ 258231 h 5137894"/>
              <a:gd name="connsiteX0" fmla="*/ 0 w 2366010"/>
              <a:gd name="connsiteY0" fmla="*/ 258231 h 5137894"/>
              <a:gd name="connsiteX1" fmla="*/ 237167 w 2366010"/>
              <a:gd name="connsiteY1" fmla="*/ 10904 h 5137894"/>
              <a:gd name="connsiteX2" fmla="*/ 520700 w 2366010"/>
              <a:gd name="connsiteY2" fmla="*/ 9635 h 5137894"/>
              <a:gd name="connsiteX3" fmla="*/ 727710 w 2366010"/>
              <a:gd name="connsiteY3" fmla="*/ 196324 h 5137894"/>
              <a:gd name="connsiteX4" fmla="*/ 1364453 w 2366010"/>
              <a:gd name="connsiteY4" fmla="*/ 197597 h 5137894"/>
              <a:gd name="connsiteX5" fmla="*/ 1760693 w 2366010"/>
              <a:gd name="connsiteY5" fmla="*/ 189977 h 5137894"/>
              <a:gd name="connsiteX6" fmla="*/ 1877533 w 2366010"/>
              <a:gd name="connsiteY6" fmla="*/ 37577 h 5137894"/>
              <a:gd name="connsiteX7" fmla="*/ 2121223 w 2366010"/>
              <a:gd name="connsiteY7" fmla="*/ 13444 h 5137894"/>
              <a:gd name="connsiteX8" fmla="*/ 2366010 w 2366010"/>
              <a:gd name="connsiteY8" fmla="*/ 258231 h 5137894"/>
              <a:gd name="connsiteX9" fmla="*/ 2366010 w 2366010"/>
              <a:gd name="connsiteY9" fmla="*/ 4893107 h 5137894"/>
              <a:gd name="connsiteX10" fmla="*/ 2121223 w 2366010"/>
              <a:gd name="connsiteY10" fmla="*/ 5137894 h 5137894"/>
              <a:gd name="connsiteX11" fmla="*/ 244787 w 2366010"/>
              <a:gd name="connsiteY11" fmla="*/ 5137894 h 5137894"/>
              <a:gd name="connsiteX12" fmla="*/ 0 w 2366010"/>
              <a:gd name="connsiteY12" fmla="*/ 4893107 h 5137894"/>
              <a:gd name="connsiteX13" fmla="*/ 0 w 2366010"/>
              <a:gd name="connsiteY13" fmla="*/ 258231 h 5137894"/>
              <a:gd name="connsiteX0" fmla="*/ 0 w 2366010"/>
              <a:gd name="connsiteY0" fmla="*/ 263996 h 5143659"/>
              <a:gd name="connsiteX1" fmla="*/ 237167 w 2366010"/>
              <a:gd name="connsiteY1" fmla="*/ 16669 h 5143659"/>
              <a:gd name="connsiteX2" fmla="*/ 520700 w 2366010"/>
              <a:gd name="connsiteY2" fmla="*/ 15400 h 5143659"/>
              <a:gd name="connsiteX3" fmla="*/ 727710 w 2366010"/>
              <a:gd name="connsiteY3" fmla="*/ 202089 h 5143659"/>
              <a:gd name="connsiteX4" fmla="*/ 1364453 w 2366010"/>
              <a:gd name="connsiteY4" fmla="*/ 203362 h 5143659"/>
              <a:gd name="connsiteX5" fmla="*/ 1760693 w 2366010"/>
              <a:gd name="connsiteY5" fmla="*/ 195742 h 5143659"/>
              <a:gd name="connsiteX6" fmla="*/ 1864833 w 2366010"/>
              <a:gd name="connsiteY6" fmla="*/ 25562 h 5143659"/>
              <a:gd name="connsiteX7" fmla="*/ 2121223 w 2366010"/>
              <a:gd name="connsiteY7" fmla="*/ 19209 h 5143659"/>
              <a:gd name="connsiteX8" fmla="*/ 2366010 w 2366010"/>
              <a:gd name="connsiteY8" fmla="*/ 263996 h 5143659"/>
              <a:gd name="connsiteX9" fmla="*/ 2366010 w 2366010"/>
              <a:gd name="connsiteY9" fmla="*/ 4898872 h 5143659"/>
              <a:gd name="connsiteX10" fmla="*/ 2121223 w 2366010"/>
              <a:gd name="connsiteY10" fmla="*/ 5143659 h 5143659"/>
              <a:gd name="connsiteX11" fmla="*/ 244787 w 2366010"/>
              <a:gd name="connsiteY11" fmla="*/ 5143659 h 5143659"/>
              <a:gd name="connsiteX12" fmla="*/ 0 w 2366010"/>
              <a:gd name="connsiteY12" fmla="*/ 4898872 h 5143659"/>
              <a:gd name="connsiteX13" fmla="*/ 0 w 2366010"/>
              <a:gd name="connsiteY13" fmla="*/ 263996 h 5143659"/>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364453 w 2366010"/>
              <a:gd name="connsiteY4" fmla="*/ 196014 h 5136311"/>
              <a:gd name="connsiteX5" fmla="*/ 1760693 w 2366010"/>
              <a:gd name="connsiteY5" fmla="*/ 188394 h 5136311"/>
              <a:gd name="connsiteX6" fmla="*/ 1864833 w 2366010"/>
              <a:gd name="connsiteY6" fmla="*/ 18214 h 5136311"/>
              <a:gd name="connsiteX7" fmla="*/ 2121223 w 2366010"/>
              <a:gd name="connsiteY7" fmla="*/ 11861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6069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60632 h 5140295"/>
              <a:gd name="connsiteX1" fmla="*/ 237167 w 2366010"/>
              <a:gd name="connsiteY1" fmla="*/ 13305 h 5140295"/>
              <a:gd name="connsiteX2" fmla="*/ 520700 w 2366010"/>
              <a:gd name="connsiteY2" fmla="*/ 12036 h 5140295"/>
              <a:gd name="connsiteX3" fmla="*/ 727710 w 2366010"/>
              <a:gd name="connsiteY3" fmla="*/ 198725 h 5140295"/>
              <a:gd name="connsiteX4" fmla="*/ 1364453 w 2366010"/>
              <a:gd name="connsiteY4" fmla="*/ 199998 h 5140295"/>
              <a:gd name="connsiteX5" fmla="*/ 1753073 w 2366010"/>
              <a:gd name="connsiteY5" fmla="*/ 192378 h 5140295"/>
              <a:gd name="connsiteX6" fmla="*/ 1857213 w 2366010"/>
              <a:gd name="connsiteY6" fmla="*/ 14578 h 5140295"/>
              <a:gd name="connsiteX7" fmla="*/ 2121223 w 2366010"/>
              <a:gd name="connsiteY7" fmla="*/ 15845 h 5140295"/>
              <a:gd name="connsiteX8" fmla="*/ 2366010 w 2366010"/>
              <a:gd name="connsiteY8" fmla="*/ 260632 h 5140295"/>
              <a:gd name="connsiteX9" fmla="*/ 2366010 w 2366010"/>
              <a:gd name="connsiteY9" fmla="*/ 4895508 h 5140295"/>
              <a:gd name="connsiteX10" fmla="*/ 2121223 w 2366010"/>
              <a:gd name="connsiteY10" fmla="*/ 5140295 h 5140295"/>
              <a:gd name="connsiteX11" fmla="*/ 244787 w 2366010"/>
              <a:gd name="connsiteY11" fmla="*/ 5140295 h 5140295"/>
              <a:gd name="connsiteX12" fmla="*/ 0 w 2366010"/>
              <a:gd name="connsiteY12" fmla="*/ 4895508 h 5140295"/>
              <a:gd name="connsiteX13" fmla="*/ 0 w 2366010"/>
              <a:gd name="connsiteY13" fmla="*/ 260632 h 5140295"/>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3073 w 2366010"/>
              <a:gd name="connsiteY5" fmla="*/ 193915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59044 h 5138707"/>
              <a:gd name="connsiteX1" fmla="*/ 237167 w 2366010"/>
              <a:gd name="connsiteY1" fmla="*/ 11717 h 5138707"/>
              <a:gd name="connsiteX2" fmla="*/ 520700 w 2366010"/>
              <a:gd name="connsiteY2" fmla="*/ 10448 h 5138707"/>
              <a:gd name="connsiteX3" fmla="*/ 727710 w 2366010"/>
              <a:gd name="connsiteY3" fmla="*/ 197137 h 5138707"/>
              <a:gd name="connsiteX4" fmla="*/ 1364453 w 2366010"/>
              <a:gd name="connsiteY4" fmla="*/ 198410 h 5138707"/>
              <a:gd name="connsiteX5" fmla="*/ 1753073 w 2366010"/>
              <a:gd name="connsiteY5" fmla="*/ 190790 h 5138707"/>
              <a:gd name="connsiteX6" fmla="*/ 1857213 w 2366010"/>
              <a:gd name="connsiteY6" fmla="*/ 12990 h 5138707"/>
              <a:gd name="connsiteX7" fmla="*/ 2121223 w 2366010"/>
              <a:gd name="connsiteY7" fmla="*/ 14257 h 5138707"/>
              <a:gd name="connsiteX8" fmla="*/ 2366010 w 2366010"/>
              <a:gd name="connsiteY8" fmla="*/ 259044 h 5138707"/>
              <a:gd name="connsiteX9" fmla="*/ 2366010 w 2366010"/>
              <a:gd name="connsiteY9" fmla="*/ 4893920 h 5138707"/>
              <a:gd name="connsiteX10" fmla="*/ 2121223 w 2366010"/>
              <a:gd name="connsiteY10" fmla="*/ 5138707 h 5138707"/>
              <a:gd name="connsiteX11" fmla="*/ 244787 w 2366010"/>
              <a:gd name="connsiteY11" fmla="*/ 5138707 h 5138707"/>
              <a:gd name="connsiteX12" fmla="*/ 0 w 2366010"/>
              <a:gd name="connsiteY12" fmla="*/ 4893920 h 5138707"/>
              <a:gd name="connsiteX13" fmla="*/ 0 w 2366010"/>
              <a:gd name="connsiteY13" fmla="*/ 259044 h 5138707"/>
              <a:gd name="connsiteX0" fmla="*/ 0 w 2366010"/>
              <a:gd name="connsiteY0" fmla="*/ 259044 h 5138707"/>
              <a:gd name="connsiteX1" fmla="*/ 237167 w 2366010"/>
              <a:gd name="connsiteY1" fmla="*/ 11717 h 5138707"/>
              <a:gd name="connsiteX2" fmla="*/ 520700 w 2366010"/>
              <a:gd name="connsiteY2" fmla="*/ 10448 h 5138707"/>
              <a:gd name="connsiteX3" fmla="*/ 727710 w 2366010"/>
              <a:gd name="connsiteY3" fmla="*/ 197137 h 5138707"/>
              <a:gd name="connsiteX4" fmla="*/ 1364453 w 2366010"/>
              <a:gd name="connsiteY4" fmla="*/ 198410 h 5138707"/>
              <a:gd name="connsiteX5" fmla="*/ 1753073 w 2366010"/>
              <a:gd name="connsiteY5" fmla="*/ 190790 h 5138707"/>
              <a:gd name="connsiteX6" fmla="*/ 1857213 w 2366010"/>
              <a:gd name="connsiteY6" fmla="*/ 12990 h 5138707"/>
              <a:gd name="connsiteX7" fmla="*/ 2121223 w 2366010"/>
              <a:gd name="connsiteY7" fmla="*/ 14257 h 5138707"/>
              <a:gd name="connsiteX8" fmla="*/ 2366010 w 2366010"/>
              <a:gd name="connsiteY8" fmla="*/ 259044 h 5138707"/>
              <a:gd name="connsiteX9" fmla="*/ 2366010 w 2366010"/>
              <a:gd name="connsiteY9" fmla="*/ 4893920 h 5138707"/>
              <a:gd name="connsiteX10" fmla="*/ 2121223 w 2366010"/>
              <a:gd name="connsiteY10" fmla="*/ 5138707 h 5138707"/>
              <a:gd name="connsiteX11" fmla="*/ 244787 w 2366010"/>
              <a:gd name="connsiteY11" fmla="*/ 5138707 h 5138707"/>
              <a:gd name="connsiteX12" fmla="*/ 0 w 2366010"/>
              <a:gd name="connsiteY12" fmla="*/ 4893920 h 5138707"/>
              <a:gd name="connsiteX13" fmla="*/ 0 w 2366010"/>
              <a:gd name="connsiteY13" fmla="*/ 259044 h 5138707"/>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3073 w 2366010"/>
              <a:gd name="connsiteY5" fmla="*/ 193915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5613 w 2366010"/>
              <a:gd name="connsiteY5" fmla="*/ 186299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5613 w 2366010"/>
              <a:gd name="connsiteY5" fmla="*/ 186299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61383 h 5141046"/>
              <a:gd name="connsiteX1" fmla="*/ 237167 w 2366010"/>
              <a:gd name="connsiteY1" fmla="*/ 14056 h 5141046"/>
              <a:gd name="connsiteX2" fmla="*/ 520700 w 2366010"/>
              <a:gd name="connsiteY2" fmla="*/ 12787 h 5141046"/>
              <a:gd name="connsiteX3" fmla="*/ 727710 w 2366010"/>
              <a:gd name="connsiteY3" fmla="*/ 199476 h 5141046"/>
              <a:gd name="connsiteX4" fmla="*/ 1364453 w 2366010"/>
              <a:gd name="connsiteY4" fmla="*/ 200749 h 5141046"/>
              <a:gd name="connsiteX5" fmla="*/ 1755613 w 2366010"/>
              <a:gd name="connsiteY5" fmla="*/ 185513 h 5141046"/>
              <a:gd name="connsiteX6" fmla="*/ 1857213 w 2366010"/>
              <a:gd name="connsiteY6" fmla="*/ 15329 h 5141046"/>
              <a:gd name="connsiteX7" fmla="*/ 2121223 w 2366010"/>
              <a:gd name="connsiteY7" fmla="*/ 16596 h 5141046"/>
              <a:gd name="connsiteX8" fmla="*/ 2366010 w 2366010"/>
              <a:gd name="connsiteY8" fmla="*/ 261383 h 5141046"/>
              <a:gd name="connsiteX9" fmla="*/ 2366010 w 2366010"/>
              <a:gd name="connsiteY9" fmla="*/ 4896259 h 5141046"/>
              <a:gd name="connsiteX10" fmla="*/ 2121223 w 2366010"/>
              <a:gd name="connsiteY10" fmla="*/ 5141046 h 5141046"/>
              <a:gd name="connsiteX11" fmla="*/ 244787 w 2366010"/>
              <a:gd name="connsiteY11" fmla="*/ 5141046 h 5141046"/>
              <a:gd name="connsiteX12" fmla="*/ 0 w 2366010"/>
              <a:gd name="connsiteY12" fmla="*/ 4896259 h 5141046"/>
              <a:gd name="connsiteX13" fmla="*/ 0 w 2366010"/>
              <a:gd name="connsiteY13" fmla="*/ 261383 h 5141046"/>
              <a:gd name="connsiteX0" fmla="*/ 0 w 2366010"/>
              <a:gd name="connsiteY0" fmla="*/ 261383 h 5141046"/>
              <a:gd name="connsiteX1" fmla="*/ 237167 w 2366010"/>
              <a:gd name="connsiteY1" fmla="*/ 14056 h 5141046"/>
              <a:gd name="connsiteX2" fmla="*/ 520700 w 2366010"/>
              <a:gd name="connsiteY2" fmla="*/ 12787 h 5141046"/>
              <a:gd name="connsiteX3" fmla="*/ 727710 w 2366010"/>
              <a:gd name="connsiteY3" fmla="*/ 199476 h 5141046"/>
              <a:gd name="connsiteX4" fmla="*/ 1364453 w 2366010"/>
              <a:gd name="connsiteY4" fmla="*/ 200749 h 5141046"/>
              <a:gd name="connsiteX5" fmla="*/ 1755613 w 2366010"/>
              <a:gd name="connsiteY5" fmla="*/ 185513 h 5141046"/>
              <a:gd name="connsiteX6" fmla="*/ 1857213 w 2366010"/>
              <a:gd name="connsiteY6" fmla="*/ 15329 h 5141046"/>
              <a:gd name="connsiteX7" fmla="*/ 2121223 w 2366010"/>
              <a:gd name="connsiteY7" fmla="*/ 16596 h 5141046"/>
              <a:gd name="connsiteX8" fmla="*/ 2366010 w 2366010"/>
              <a:gd name="connsiteY8" fmla="*/ 261383 h 5141046"/>
              <a:gd name="connsiteX9" fmla="*/ 2366010 w 2366010"/>
              <a:gd name="connsiteY9" fmla="*/ 4896259 h 5141046"/>
              <a:gd name="connsiteX10" fmla="*/ 2121223 w 2366010"/>
              <a:gd name="connsiteY10" fmla="*/ 5141046 h 5141046"/>
              <a:gd name="connsiteX11" fmla="*/ 244787 w 2366010"/>
              <a:gd name="connsiteY11" fmla="*/ 5141046 h 5141046"/>
              <a:gd name="connsiteX12" fmla="*/ 0 w 2366010"/>
              <a:gd name="connsiteY12" fmla="*/ 4896259 h 5141046"/>
              <a:gd name="connsiteX13" fmla="*/ 0 w 2366010"/>
              <a:gd name="connsiteY13" fmla="*/ 261383 h 5141046"/>
              <a:gd name="connsiteX0" fmla="*/ 0 w 2366010"/>
              <a:gd name="connsiteY0" fmla="*/ 266517 h 5146180"/>
              <a:gd name="connsiteX1" fmla="*/ 237167 w 2366010"/>
              <a:gd name="connsiteY1" fmla="*/ 19190 h 5146180"/>
              <a:gd name="connsiteX2" fmla="*/ 520700 w 2366010"/>
              <a:gd name="connsiteY2" fmla="*/ 17921 h 5146180"/>
              <a:gd name="connsiteX3" fmla="*/ 727710 w 2366010"/>
              <a:gd name="connsiteY3" fmla="*/ 204610 h 5146180"/>
              <a:gd name="connsiteX4" fmla="*/ 1364453 w 2366010"/>
              <a:gd name="connsiteY4" fmla="*/ 205883 h 5146180"/>
              <a:gd name="connsiteX5" fmla="*/ 1755613 w 2366010"/>
              <a:gd name="connsiteY5" fmla="*/ 190647 h 5146180"/>
              <a:gd name="connsiteX6" fmla="*/ 1857213 w 2366010"/>
              <a:gd name="connsiteY6" fmla="*/ 20463 h 5146180"/>
              <a:gd name="connsiteX7" fmla="*/ 2133923 w 2366010"/>
              <a:gd name="connsiteY7" fmla="*/ 14114 h 5146180"/>
              <a:gd name="connsiteX8" fmla="*/ 2366010 w 2366010"/>
              <a:gd name="connsiteY8" fmla="*/ 266517 h 5146180"/>
              <a:gd name="connsiteX9" fmla="*/ 2366010 w 2366010"/>
              <a:gd name="connsiteY9" fmla="*/ 4901393 h 5146180"/>
              <a:gd name="connsiteX10" fmla="*/ 2121223 w 2366010"/>
              <a:gd name="connsiteY10" fmla="*/ 5146180 h 5146180"/>
              <a:gd name="connsiteX11" fmla="*/ 244787 w 2366010"/>
              <a:gd name="connsiteY11" fmla="*/ 5146180 h 5146180"/>
              <a:gd name="connsiteX12" fmla="*/ 0 w 2366010"/>
              <a:gd name="connsiteY12" fmla="*/ 4901393 h 5146180"/>
              <a:gd name="connsiteX13" fmla="*/ 0 w 2366010"/>
              <a:gd name="connsiteY13" fmla="*/ 266517 h 5146180"/>
              <a:gd name="connsiteX0" fmla="*/ 0 w 2366010"/>
              <a:gd name="connsiteY0" fmla="*/ 266517 h 5146180"/>
              <a:gd name="connsiteX1" fmla="*/ 237167 w 2366010"/>
              <a:gd name="connsiteY1" fmla="*/ 19190 h 5146180"/>
              <a:gd name="connsiteX2" fmla="*/ 520700 w 2366010"/>
              <a:gd name="connsiteY2" fmla="*/ 17921 h 5146180"/>
              <a:gd name="connsiteX3" fmla="*/ 727710 w 2366010"/>
              <a:gd name="connsiteY3" fmla="*/ 204610 h 5146180"/>
              <a:gd name="connsiteX4" fmla="*/ 1364453 w 2366010"/>
              <a:gd name="connsiteY4" fmla="*/ 205883 h 5146180"/>
              <a:gd name="connsiteX5" fmla="*/ 1755613 w 2366010"/>
              <a:gd name="connsiteY5" fmla="*/ 190647 h 5146180"/>
              <a:gd name="connsiteX6" fmla="*/ 1857213 w 2366010"/>
              <a:gd name="connsiteY6" fmla="*/ 20463 h 5146180"/>
              <a:gd name="connsiteX7" fmla="*/ 2133923 w 2366010"/>
              <a:gd name="connsiteY7" fmla="*/ 14114 h 5146180"/>
              <a:gd name="connsiteX8" fmla="*/ 2366010 w 2366010"/>
              <a:gd name="connsiteY8" fmla="*/ 266517 h 5146180"/>
              <a:gd name="connsiteX9" fmla="*/ 2366010 w 2366010"/>
              <a:gd name="connsiteY9" fmla="*/ 4901393 h 5146180"/>
              <a:gd name="connsiteX10" fmla="*/ 2121223 w 2366010"/>
              <a:gd name="connsiteY10" fmla="*/ 5146180 h 5146180"/>
              <a:gd name="connsiteX11" fmla="*/ 244787 w 2366010"/>
              <a:gd name="connsiteY11" fmla="*/ 5146180 h 5146180"/>
              <a:gd name="connsiteX12" fmla="*/ 0 w 2366010"/>
              <a:gd name="connsiteY12" fmla="*/ 4901393 h 5146180"/>
              <a:gd name="connsiteX13" fmla="*/ 0 w 2366010"/>
              <a:gd name="connsiteY13" fmla="*/ 266517 h 5146180"/>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364453 w 2366010"/>
              <a:gd name="connsiteY4" fmla="*/ 207009 h 5147306"/>
              <a:gd name="connsiteX5" fmla="*/ 1755613 w 2366010"/>
              <a:gd name="connsiteY5" fmla="*/ 191773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5613 w 2366010"/>
              <a:gd name="connsiteY5" fmla="*/ 191773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5613 w 2366010"/>
              <a:gd name="connsiteY5" fmla="*/ 191773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3708 w 2366010"/>
              <a:gd name="connsiteY5" fmla="*/ 189869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3708 w 2366010"/>
              <a:gd name="connsiteY5" fmla="*/ 189869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8788 w 2366010"/>
              <a:gd name="connsiteY5" fmla="*/ 173797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32790 w 2366010"/>
              <a:gd name="connsiteY3" fmla="*/ 189664 h 5136311"/>
              <a:gd name="connsiteX4" fmla="*/ 1274918 w 2366010"/>
              <a:gd name="connsiteY4" fmla="*/ 194110 h 5136311"/>
              <a:gd name="connsiteX5" fmla="*/ 1758788 w 2366010"/>
              <a:gd name="connsiteY5" fmla="*/ 173797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18234 w 2384244"/>
              <a:gd name="connsiteY0" fmla="*/ 256648 h 5136311"/>
              <a:gd name="connsiteX1" fmla="*/ 255401 w 2384244"/>
              <a:gd name="connsiteY1" fmla="*/ 9321 h 5136311"/>
              <a:gd name="connsiteX2" fmla="*/ 538934 w 2384244"/>
              <a:gd name="connsiteY2" fmla="*/ 8052 h 5136311"/>
              <a:gd name="connsiteX3" fmla="*/ 751024 w 2384244"/>
              <a:gd name="connsiteY3" fmla="*/ 189664 h 5136311"/>
              <a:gd name="connsiteX4" fmla="*/ 1293152 w 2384244"/>
              <a:gd name="connsiteY4" fmla="*/ 194110 h 5136311"/>
              <a:gd name="connsiteX5" fmla="*/ 1777022 w 2384244"/>
              <a:gd name="connsiteY5" fmla="*/ 173797 h 5136311"/>
              <a:gd name="connsiteX6" fmla="*/ 1875447 w 2384244"/>
              <a:gd name="connsiteY6" fmla="*/ 10594 h 5136311"/>
              <a:gd name="connsiteX7" fmla="*/ 2152157 w 2384244"/>
              <a:gd name="connsiteY7" fmla="*/ 4245 h 5136311"/>
              <a:gd name="connsiteX8" fmla="*/ 2384244 w 2384244"/>
              <a:gd name="connsiteY8" fmla="*/ 256648 h 5136311"/>
              <a:gd name="connsiteX9" fmla="*/ 2384244 w 2384244"/>
              <a:gd name="connsiteY9" fmla="*/ 4891524 h 5136311"/>
              <a:gd name="connsiteX10" fmla="*/ 2139457 w 2384244"/>
              <a:gd name="connsiteY10" fmla="*/ 5136311 h 5136311"/>
              <a:gd name="connsiteX11" fmla="*/ 263021 w 2384244"/>
              <a:gd name="connsiteY11" fmla="*/ 5136311 h 5136311"/>
              <a:gd name="connsiteX12" fmla="*/ 18234 w 2384244"/>
              <a:gd name="connsiteY12" fmla="*/ 4891524 h 5136311"/>
              <a:gd name="connsiteX13" fmla="*/ 0 w 2384244"/>
              <a:gd name="connsiteY13" fmla="*/ 3346754 h 5136311"/>
              <a:gd name="connsiteX14" fmla="*/ 18234 w 2384244"/>
              <a:gd name="connsiteY14" fmla="*/ 256648 h 5136311"/>
              <a:gd name="connsiteX0" fmla="*/ 18234 w 2384244"/>
              <a:gd name="connsiteY0" fmla="*/ 334285 h 5213948"/>
              <a:gd name="connsiteX1" fmla="*/ 255401 w 2384244"/>
              <a:gd name="connsiteY1" fmla="*/ 86958 h 5213948"/>
              <a:gd name="connsiteX2" fmla="*/ 538934 w 2384244"/>
              <a:gd name="connsiteY2" fmla="*/ 85689 h 5213948"/>
              <a:gd name="connsiteX3" fmla="*/ 751024 w 2384244"/>
              <a:gd name="connsiteY3" fmla="*/ 267301 h 5213948"/>
              <a:gd name="connsiteX4" fmla="*/ 1293152 w 2384244"/>
              <a:gd name="connsiteY4" fmla="*/ 271747 h 5213948"/>
              <a:gd name="connsiteX5" fmla="*/ 1777022 w 2384244"/>
              <a:gd name="connsiteY5" fmla="*/ 251434 h 5213948"/>
              <a:gd name="connsiteX6" fmla="*/ 1875447 w 2384244"/>
              <a:gd name="connsiteY6" fmla="*/ 88231 h 5213948"/>
              <a:gd name="connsiteX7" fmla="*/ 2152157 w 2384244"/>
              <a:gd name="connsiteY7" fmla="*/ 81882 h 5213948"/>
              <a:gd name="connsiteX8" fmla="*/ 2384244 w 2384244"/>
              <a:gd name="connsiteY8" fmla="*/ 334285 h 5213948"/>
              <a:gd name="connsiteX9" fmla="*/ 2379641 w 2384244"/>
              <a:gd name="connsiteY9" fmla="*/ 3424391 h 5213948"/>
              <a:gd name="connsiteX10" fmla="*/ 2384244 w 2384244"/>
              <a:gd name="connsiteY10" fmla="*/ 4969161 h 5213948"/>
              <a:gd name="connsiteX11" fmla="*/ 2139457 w 2384244"/>
              <a:gd name="connsiteY11" fmla="*/ 5213948 h 5213948"/>
              <a:gd name="connsiteX12" fmla="*/ 263021 w 2384244"/>
              <a:gd name="connsiteY12" fmla="*/ 5213948 h 5213948"/>
              <a:gd name="connsiteX13" fmla="*/ 18234 w 2384244"/>
              <a:gd name="connsiteY13" fmla="*/ 4969161 h 5213948"/>
              <a:gd name="connsiteX14" fmla="*/ 0 w 2384244"/>
              <a:gd name="connsiteY14" fmla="*/ 3424391 h 5213948"/>
              <a:gd name="connsiteX15" fmla="*/ 18234 w 2384244"/>
              <a:gd name="connsiteY15" fmla="*/ 334285 h 5213948"/>
              <a:gd name="connsiteX0" fmla="*/ 18234 w 2384244"/>
              <a:gd name="connsiteY0" fmla="*/ 256648 h 5136311"/>
              <a:gd name="connsiteX1" fmla="*/ 255401 w 2384244"/>
              <a:gd name="connsiteY1" fmla="*/ 9321 h 5136311"/>
              <a:gd name="connsiteX2" fmla="*/ 538934 w 2384244"/>
              <a:gd name="connsiteY2" fmla="*/ 8052 h 5136311"/>
              <a:gd name="connsiteX3" fmla="*/ 751024 w 2384244"/>
              <a:gd name="connsiteY3" fmla="*/ 189664 h 5136311"/>
              <a:gd name="connsiteX4" fmla="*/ 1293152 w 2384244"/>
              <a:gd name="connsiteY4" fmla="*/ 194110 h 5136311"/>
              <a:gd name="connsiteX5" fmla="*/ 1777022 w 2384244"/>
              <a:gd name="connsiteY5" fmla="*/ 173797 h 5136311"/>
              <a:gd name="connsiteX6" fmla="*/ 1875447 w 2384244"/>
              <a:gd name="connsiteY6" fmla="*/ 10594 h 5136311"/>
              <a:gd name="connsiteX7" fmla="*/ 2152157 w 2384244"/>
              <a:gd name="connsiteY7" fmla="*/ 4245 h 5136311"/>
              <a:gd name="connsiteX8" fmla="*/ 2384244 w 2384244"/>
              <a:gd name="connsiteY8" fmla="*/ 256648 h 5136311"/>
              <a:gd name="connsiteX9" fmla="*/ 2379641 w 2384244"/>
              <a:gd name="connsiteY9" fmla="*/ 3346754 h 5136311"/>
              <a:gd name="connsiteX10" fmla="*/ 2384244 w 2384244"/>
              <a:gd name="connsiteY10" fmla="*/ 4891524 h 5136311"/>
              <a:gd name="connsiteX11" fmla="*/ 2139457 w 2384244"/>
              <a:gd name="connsiteY11" fmla="*/ 5136311 h 5136311"/>
              <a:gd name="connsiteX12" fmla="*/ 263021 w 2384244"/>
              <a:gd name="connsiteY12" fmla="*/ 5136311 h 5136311"/>
              <a:gd name="connsiteX13" fmla="*/ 18234 w 2384244"/>
              <a:gd name="connsiteY13" fmla="*/ 4891524 h 5136311"/>
              <a:gd name="connsiteX14" fmla="*/ 0 w 2384244"/>
              <a:gd name="connsiteY14" fmla="*/ 3346754 h 5136311"/>
              <a:gd name="connsiteX15" fmla="*/ 18234 w 2384244"/>
              <a:gd name="connsiteY15" fmla="*/ 256648 h 5136311"/>
              <a:gd name="connsiteX0" fmla="*/ 18234 w 2384244"/>
              <a:gd name="connsiteY0" fmla="*/ 256648 h 5136311"/>
              <a:gd name="connsiteX1" fmla="*/ 255401 w 2384244"/>
              <a:gd name="connsiteY1" fmla="*/ 9321 h 5136311"/>
              <a:gd name="connsiteX2" fmla="*/ 538934 w 2384244"/>
              <a:gd name="connsiteY2" fmla="*/ 8052 h 5136311"/>
              <a:gd name="connsiteX3" fmla="*/ 751024 w 2384244"/>
              <a:gd name="connsiteY3" fmla="*/ 189664 h 5136311"/>
              <a:gd name="connsiteX4" fmla="*/ 1293152 w 2384244"/>
              <a:gd name="connsiteY4" fmla="*/ 194110 h 5136311"/>
              <a:gd name="connsiteX5" fmla="*/ 1777022 w 2384244"/>
              <a:gd name="connsiteY5" fmla="*/ 173797 h 5136311"/>
              <a:gd name="connsiteX6" fmla="*/ 1875447 w 2384244"/>
              <a:gd name="connsiteY6" fmla="*/ 10594 h 5136311"/>
              <a:gd name="connsiteX7" fmla="*/ 2152157 w 2384244"/>
              <a:gd name="connsiteY7" fmla="*/ 4245 h 5136311"/>
              <a:gd name="connsiteX8" fmla="*/ 2384244 w 2384244"/>
              <a:gd name="connsiteY8" fmla="*/ 256648 h 5136311"/>
              <a:gd name="connsiteX9" fmla="*/ 2379641 w 2384244"/>
              <a:gd name="connsiteY9" fmla="*/ 3346754 h 5136311"/>
              <a:gd name="connsiteX10" fmla="*/ 2384244 w 2384244"/>
              <a:gd name="connsiteY10" fmla="*/ 4891524 h 5136311"/>
              <a:gd name="connsiteX11" fmla="*/ 2139457 w 2384244"/>
              <a:gd name="connsiteY11" fmla="*/ 5136311 h 5136311"/>
              <a:gd name="connsiteX12" fmla="*/ 263021 w 2384244"/>
              <a:gd name="connsiteY12" fmla="*/ 5136311 h 5136311"/>
              <a:gd name="connsiteX13" fmla="*/ 18234 w 2384244"/>
              <a:gd name="connsiteY13" fmla="*/ 4891524 h 5136311"/>
              <a:gd name="connsiteX14" fmla="*/ 0 w 2384244"/>
              <a:gd name="connsiteY14" fmla="*/ 3346754 h 5136311"/>
              <a:gd name="connsiteX15" fmla="*/ 18234 w 2384244"/>
              <a:gd name="connsiteY15" fmla="*/ 256648 h 5136311"/>
              <a:gd name="connsiteX0" fmla="*/ 18234 w 2384244"/>
              <a:gd name="connsiteY0" fmla="*/ 256648 h 5136311"/>
              <a:gd name="connsiteX1" fmla="*/ 255401 w 2384244"/>
              <a:gd name="connsiteY1" fmla="*/ 9321 h 5136311"/>
              <a:gd name="connsiteX2" fmla="*/ 538934 w 2384244"/>
              <a:gd name="connsiteY2" fmla="*/ 8052 h 5136311"/>
              <a:gd name="connsiteX3" fmla="*/ 751024 w 2384244"/>
              <a:gd name="connsiteY3" fmla="*/ 189664 h 5136311"/>
              <a:gd name="connsiteX4" fmla="*/ 1293152 w 2384244"/>
              <a:gd name="connsiteY4" fmla="*/ 194110 h 5136311"/>
              <a:gd name="connsiteX5" fmla="*/ 1777022 w 2384244"/>
              <a:gd name="connsiteY5" fmla="*/ 173797 h 5136311"/>
              <a:gd name="connsiteX6" fmla="*/ 1875447 w 2384244"/>
              <a:gd name="connsiteY6" fmla="*/ 10594 h 5136311"/>
              <a:gd name="connsiteX7" fmla="*/ 2152157 w 2384244"/>
              <a:gd name="connsiteY7" fmla="*/ 4245 h 5136311"/>
              <a:gd name="connsiteX8" fmla="*/ 2384244 w 2384244"/>
              <a:gd name="connsiteY8" fmla="*/ 256648 h 5136311"/>
              <a:gd name="connsiteX9" fmla="*/ 2379641 w 2384244"/>
              <a:gd name="connsiteY9" fmla="*/ 3346754 h 5136311"/>
              <a:gd name="connsiteX10" fmla="*/ 2384244 w 2384244"/>
              <a:gd name="connsiteY10" fmla="*/ 4891524 h 5136311"/>
              <a:gd name="connsiteX11" fmla="*/ 2139457 w 2384244"/>
              <a:gd name="connsiteY11" fmla="*/ 5136311 h 5136311"/>
              <a:gd name="connsiteX12" fmla="*/ 263021 w 2384244"/>
              <a:gd name="connsiteY12" fmla="*/ 5136311 h 5136311"/>
              <a:gd name="connsiteX13" fmla="*/ 18234 w 2384244"/>
              <a:gd name="connsiteY13" fmla="*/ 4891524 h 5136311"/>
              <a:gd name="connsiteX14" fmla="*/ 0 w 2384244"/>
              <a:gd name="connsiteY14" fmla="*/ 3346754 h 5136311"/>
              <a:gd name="connsiteX15" fmla="*/ 18234 w 2384244"/>
              <a:gd name="connsiteY15" fmla="*/ 256648 h 5136311"/>
              <a:gd name="connsiteX0" fmla="*/ 18234 w 2384244"/>
              <a:gd name="connsiteY0" fmla="*/ 256648 h 5136311"/>
              <a:gd name="connsiteX1" fmla="*/ 255401 w 2384244"/>
              <a:gd name="connsiteY1" fmla="*/ 9321 h 5136311"/>
              <a:gd name="connsiteX2" fmla="*/ 538934 w 2384244"/>
              <a:gd name="connsiteY2" fmla="*/ 8052 h 5136311"/>
              <a:gd name="connsiteX3" fmla="*/ 751024 w 2384244"/>
              <a:gd name="connsiteY3" fmla="*/ 189664 h 5136311"/>
              <a:gd name="connsiteX4" fmla="*/ 1293152 w 2384244"/>
              <a:gd name="connsiteY4" fmla="*/ 194110 h 5136311"/>
              <a:gd name="connsiteX5" fmla="*/ 1777022 w 2384244"/>
              <a:gd name="connsiteY5" fmla="*/ 173797 h 5136311"/>
              <a:gd name="connsiteX6" fmla="*/ 1875447 w 2384244"/>
              <a:gd name="connsiteY6" fmla="*/ 10594 h 5136311"/>
              <a:gd name="connsiteX7" fmla="*/ 2152157 w 2384244"/>
              <a:gd name="connsiteY7" fmla="*/ 4245 h 5136311"/>
              <a:gd name="connsiteX8" fmla="*/ 2384244 w 2384244"/>
              <a:gd name="connsiteY8" fmla="*/ 256648 h 5136311"/>
              <a:gd name="connsiteX9" fmla="*/ 2379641 w 2384244"/>
              <a:gd name="connsiteY9" fmla="*/ 3346754 h 5136311"/>
              <a:gd name="connsiteX10" fmla="*/ 2384244 w 2384244"/>
              <a:gd name="connsiteY10" fmla="*/ 4891524 h 5136311"/>
              <a:gd name="connsiteX11" fmla="*/ 2139457 w 2384244"/>
              <a:gd name="connsiteY11" fmla="*/ 5136311 h 5136311"/>
              <a:gd name="connsiteX12" fmla="*/ 263021 w 2384244"/>
              <a:gd name="connsiteY12" fmla="*/ 5136311 h 5136311"/>
              <a:gd name="connsiteX13" fmla="*/ 0 w 2384244"/>
              <a:gd name="connsiteY13" fmla="*/ 3346754 h 5136311"/>
              <a:gd name="connsiteX14" fmla="*/ 18234 w 2384244"/>
              <a:gd name="connsiteY14" fmla="*/ 256648 h 5136311"/>
              <a:gd name="connsiteX0" fmla="*/ 18234 w 2384244"/>
              <a:gd name="connsiteY0" fmla="*/ 256648 h 5136311"/>
              <a:gd name="connsiteX1" fmla="*/ 255401 w 2384244"/>
              <a:gd name="connsiteY1" fmla="*/ 9321 h 5136311"/>
              <a:gd name="connsiteX2" fmla="*/ 538934 w 2384244"/>
              <a:gd name="connsiteY2" fmla="*/ 8052 h 5136311"/>
              <a:gd name="connsiteX3" fmla="*/ 751024 w 2384244"/>
              <a:gd name="connsiteY3" fmla="*/ 189664 h 5136311"/>
              <a:gd name="connsiteX4" fmla="*/ 1293152 w 2384244"/>
              <a:gd name="connsiteY4" fmla="*/ 194110 h 5136311"/>
              <a:gd name="connsiteX5" fmla="*/ 1777022 w 2384244"/>
              <a:gd name="connsiteY5" fmla="*/ 173797 h 5136311"/>
              <a:gd name="connsiteX6" fmla="*/ 1875447 w 2384244"/>
              <a:gd name="connsiteY6" fmla="*/ 10594 h 5136311"/>
              <a:gd name="connsiteX7" fmla="*/ 2152157 w 2384244"/>
              <a:gd name="connsiteY7" fmla="*/ 4245 h 5136311"/>
              <a:gd name="connsiteX8" fmla="*/ 2384244 w 2384244"/>
              <a:gd name="connsiteY8" fmla="*/ 256648 h 5136311"/>
              <a:gd name="connsiteX9" fmla="*/ 2379641 w 2384244"/>
              <a:gd name="connsiteY9" fmla="*/ 3346754 h 5136311"/>
              <a:gd name="connsiteX10" fmla="*/ 2384244 w 2384244"/>
              <a:gd name="connsiteY10" fmla="*/ 4891524 h 5136311"/>
              <a:gd name="connsiteX11" fmla="*/ 2139457 w 2384244"/>
              <a:gd name="connsiteY11" fmla="*/ 5136311 h 5136311"/>
              <a:gd name="connsiteX12" fmla="*/ 0 w 2384244"/>
              <a:gd name="connsiteY12" fmla="*/ 3346754 h 5136311"/>
              <a:gd name="connsiteX13" fmla="*/ 18234 w 2384244"/>
              <a:gd name="connsiteY13" fmla="*/ 256648 h 5136311"/>
              <a:gd name="connsiteX0" fmla="*/ 18234 w 2384244"/>
              <a:gd name="connsiteY0" fmla="*/ 256648 h 4891524"/>
              <a:gd name="connsiteX1" fmla="*/ 255401 w 2384244"/>
              <a:gd name="connsiteY1" fmla="*/ 9321 h 4891524"/>
              <a:gd name="connsiteX2" fmla="*/ 538934 w 2384244"/>
              <a:gd name="connsiteY2" fmla="*/ 8052 h 4891524"/>
              <a:gd name="connsiteX3" fmla="*/ 751024 w 2384244"/>
              <a:gd name="connsiteY3" fmla="*/ 189664 h 4891524"/>
              <a:gd name="connsiteX4" fmla="*/ 1293152 w 2384244"/>
              <a:gd name="connsiteY4" fmla="*/ 194110 h 4891524"/>
              <a:gd name="connsiteX5" fmla="*/ 1777022 w 2384244"/>
              <a:gd name="connsiteY5" fmla="*/ 173797 h 4891524"/>
              <a:gd name="connsiteX6" fmla="*/ 1875447 w 2384244"/>
              <a:gd name="connsiteY6" fmla="*/ 10594 h 4891524"/>
              <a:gd name="connsiteX7" fmla="*/ 2152157 w 2384244"/>
              <a:gd name="connsiteY7" fmla="*/ 4245 h 4891524"/>
              <a:gd name="connsiteX8" fmla="*/ 2384244 w 2384244"/>
              <a:gd name="connsiteY8" fmla="*/ 256648 h 4891524"/>
              <a:gd name="connsiteX9" fmla="*/ 2379641 w 2384244"/>
              <a:gd name="connsiteY9" fmla="*/ 3346754 h 4891524"/>
              <a:gd name="connsiteX10" fmla="*/ 2384244 w 2384244"/>
              <a:gd name="connsiteY10" fmla="*/ 4891524 h 4891524"/>
              <a:gd name="connsiteX11" fmla="*/ 0 w 2384244"/>
              <a:gd name="connsiteY11" fmla="*/ 3346754 h 4891524"/>
              <a:gd name="connsiteX12" fmla="*/ 18234 w 2384244"/>
              <a:gd name="connsiteY12" fmla="*/ 256648 h 4891524"/>
              <a:gd name="connsiteX0" fmla="*/ 18234 w 2384244"/>
              <a:gd name="connsiteY0" fmla="*/ 256648 h 3733017"/>
              <a:gd name="connsiteX1" fmla="*/ 255401 w 2384244"/>
              <a:gd name="connsiteY1" fmla="*/ 9321 h 3733017"/>
              <a:gd name="connsiteX2" fmla="*/ 538934 w 2384244"/>
              <a:gd name="connsiteY2" fmla="*/ 8052 h 3733017"/>
              <a:gd name="connsiteX3" fmla="*/ 751024 w 2384244"/>
              <a:gd name="connsiteY3" fmla="*/ 189664 h 3733017"/>
              <a:gd name="connsiteX4" fmla="*/ 1293152 w 2384244"/>
              <a:gd name="connsiteY4" fmla="*/ 194110 h 3733017"/>
              <a:gd name="connsiteX5" fmla="*/ 1777022 w 2384244"/>
              <a:gd name="connsiteY5" fmla="*/ 173797 h 3733017"/>
              <a:gd name="connsiteX6" fmla="*/ 1875447 w 2384244"/>
              <a:gd name="connsiteY6" fmla="*/ 10594 h 3733017"/>
              <a:gd name="connsiteX7" fmla="*/ 2152157 w 2384244"/>
              <a:gd name="connsiteY7" fmla="*/ 4245 h 3733017"/>
              <a:gd name="connsiteX8" fmla="*/ 2384244 w 2384244"/>
              <a:gd name="connsiteY8" fmla="*/ 256648 h 3733017"/>
              <a:gd name="connsiteX9" fmla="*/ 2379641 w 2384244"/>
              <a:gd name="connsiteY9" fmla="*/ 3346754 h 3733017"/>
              <a:gd name="connsiteX10" fmla="*/ 0 w 2384244"/>
              <a:gd name="connsiteY10" fmla="*/ 3346754 h 3733017"/>
              <a:gd name="connsiteX11" fmla="*/ 18234 w 2384244"/>
              <a:gd name="connsiteY11" fmla="*/ 256648 h 3733017"/>
              <a:gd name="connsiteX0" fmla="*/ 18234 w 2384244"/>
              <a:gd name="connsiteY0" fmla="*/ 256648 h 3576698"/>
              <a:gd name="connsiteX1" fmla="*/ 255401 w 2384244"/>
              <a:gd name="connsiteY1" fmla="*/ 9321 h 3576698"/>
              <a:gd name="connsiteX2" fmla="*/ 538934 w 2384244"/>
              <a:gd name="connsiteY2" fmla="*/ 8052 h 3576698"/>
              <a:gd name="connsiteX3" fmla="*/ 751024 w 2384244"/>
              <a:gd name="connsiteY3" fmla="*/ 189664 h 3576698"/>
              <a:gd name="connsiteX4" fmla="*/ 1293152 w 2384244"/>
              <a:gd name="connsiteY4" fmla="*/ 194110 h 3576698"/>
              <a:gd name="connsiteX5" fmla="*/ 1777022 w 2384244"/>
              <a:gd name="connsiteY5" fmla="*/ 173797 h 3576698"/>
              <a:gd name="connsiteX6" fmla="*/ 1875447 w 2384244"/>
              <a:gd name="connsiteY6" fmla="*/ 10594 h 3576698"/>
              <a:gd name="connsiteX7" fmla="*/ 2152157 w 2384244"/>
              <a:gd name="connsiteY7" fmla="*/ 4245 h 3576698"/>
              <a:gd name="connsiteX8" fmla="*/ 2384244 w 2384244"/>
              <a:gd name="connsiteY8" fmla="*/ 256648 h 3576698"/>
              <a:gd name="connsiteX9" fmla="*/ 2379641 w 2384244"/>
              <a:gd name="connsiteY9" fmla="*/ 3346754 h 3576698"/>
              <a:gd name="connsiteX10" fmla="*/ 0 w 2384244"/>
              <a:gd name="connsiteY10" fmla="*/ 3346754 h 3576698"/>
              <a:gd name="connsiteX11" fmla="*/ 18234 w 2384244"/>
              <a:gd name="connsiteY11" fmla="*/ 256648 h 3576698"/>
              <a:gd name="connsiteX0" fmla="*/ 18234 w 2384244"/>
              <a:gd name="connsiteY0" fmla="*/ 256648 h 3366131"/>
              <a:gd name="connsiteX1" fmla="*/ 255401 w 2384244"/>
              <a:gd name="connsiteY1" fmla="*/ 9321 h 3366131"/>
              <a:gd name="connsiteX2" fmla="*/ 538934 w 2384244"/>
              <a:gd name="connsiteY2" fmla="*/ 8052 h 3366131"/>
              <a:gd name="connsiteX3" fmla="*/ 751024 w 2384244"/>
              <a:gd name="connsiteY3" fmla="*/ 189664 h 3366131"/>
              <a:gd name="connsiteX4" fmla="*/ 1293152 w 2384244"/>
              <a:gd name="connsiteY4" fmla="*/ 194110 h 3366131"/>
              <a:gd name="connsiteX5" fmla="*/ 1777022 w 2384244"/>
              <a:gd name="connsiteY5" fmla="*/ 173797 h 3366131"/>
              <a:gd name="connsiteX6" fmla="*/ 1875447 w 2384244"/>
              <a:gd name="connsiteY6" fmla="*/ 10594 h 3366131"/>
              <a:gd name="connsiteX7" fmla="*/ 2152157 w 2384244"/>
              <a:gd name="connsiteY7" fmla="*/ 4245 h 3366131"/>
              <a:gd name="connsiteX8" fmla="*/ 2384244 w 2384244"/>
              <a:gd name="connsiteY8" fmla="*/ 256648 h 3366131"/>
              <a:gd name="connsiteX9" fmla="*/ 2379641 w 2384244"/>
              <a:gd name="connsiteY9" fmla="*/ 3346754 h 3366131"/>
              <a:gd name="connsiteX10" fmla="*/ 0 w 2384244"/>
              <a:gd name="connsiteY10" fmla="*/ 3346754 h 3366131"/>
              <a:gd name="connsiteX11" fmla="*/ 18234 w 2384244"/>
              <a:gd name="connsiteY11" fmla="*/ 256648 h 3366131"/>
              <a:gd name="connsiteX0" fmla="*/ 18234 w 2384244"/>
              <a:gd name="connsiteY0" fmla="*/ 256648 h 3366131"/>
              <a:gd name="connsiteX1" fmla="*/ 255401 w 2384244"/>
              <a:gd name="connsiteY1" fmla="*/ 9321 h 3366131"/>
              <a:gd name="connsiteX2" fmla="*/ 538934 w 2384244"/>
              <a:gd name="connsiteY2" fmla="*/ 8052 h 3366131"/>
              <a:gd name="connsiteX3" fmla="*/ 751024 w 2384244"/>
              <a:gd name="connsiteY3" fmla="*/ 189664 h 3366131"/>
              <a:gd name="connsiteX4" fmla="*/ 1293152 w 2384244"/>
              <a:gd name="connsiteY4" fmla="*/ 194110 h 3366131"/>
              <a:gd name="connsiteX5" fmla="*/ 1777022 w 2384244"/>
              <a:gd name="connsiteY5" fmla="*/ 173797 h 3366131"/>
              <a:gd name="connsiteX6" fmla="*/ 1875447 w 2384244"/>
              <a:gd name="connsiteY6" fmla="*/ 10594 h 3366131"/>
              <a:gd name="connsiteX7" fmla="*/ 2152157 w 2384244"/>
              <a:gd name="connsiteY7" fmla="*/ 4245 h 3366131"/>
              <a:gd name="connsiteX8" fmla="*/ 2384244 w 2384244"/>
              <a:gd name="connsiteY8" fmla="*/ 256648 h 3366131"/>
              <a:gd name="connsiteX9" fmla="*/ 2379641 w 2384244"/>
              <a:gd name="connsiteY9" fmla="*/ 3346754 h 3366131"/>
              <a:gd name="connsiteX10" fmla="*/ 0 w 2384244"/>
              <a:gd name="connsiteY10" fmla="*/ 3346754 h 3366131"/>
              <a:gd name="connsiteX11" fmla="*/ 18234 w 2384244"/>
              <a:gd name="connsiteY11" fmla="*/ 256648 h 3366131"/>
              <a:gd name="connsiteX0" fmla="*/ 18234 w 2384244"/>
              <a:gd name="connsiteY0" fmla="*/ 256648 h 3349443"/>
              <a:gd name="connsiteX1" fmla="*/ 255401 w 2384244"/>
              <a:gd name="connsiteY1" fmla="*/ 9321 h 3349443"/>
              <a:gd name="connsiteX2" fmla="*/ 538934 w 2384244"/>
              <a:gd name="connsiteY2" fmla="*/ 8052 h 3349443"/>
              <a:gd name="connsiteX3" fmla="*/ 751024 w 2384244"/>
              <a:gd name="connsiteY3" fmla="*/ 189664 h 3349443"/>
              <a:gd name="connsiteX4" fmla="*/ 1293152 w 2384244"/>
              <a:gd name="connsiteY4" fmla="*/ 194110 h 3349443"/>
              <a:gd name="connsiteX5" fmla="*/ 1777022 w 2384244"/>
              <a:gd name="connsiteY5" fmla="*/ 173797 h 3349443"/>
              <a:gd name="connsiteX6" fmla="*/ 1875447 w 2384244"/>
              <a:gd name="connsiteY6" fmla="*/ 10594 h 3349443"/>
              <a:gd name="connsiteX7" fmla="*/ 2152157 w 2384244"/>
              <a:gd name="connsiteY7" fmla="*/ 4245 h 3349443"/>
              <a:gd name="connsiteX8" fmla="*/ 2384244 w 2384244"/>
              <a:gd name="connsiteY8" fmla="*/ 256648 h 3349443"/>
              <a:gd name="connsiteX9" fmla="*/ 2379641 w 2384244"/>
              <a:gd name="connsiteY9" fmla="*/ 3346754 h 3349443"/>
              <a:gd name="connsiteX10" fmla="*/ 0 w 2384244"/>
              <a:gd name="connsiteY10" fmla="*/ 3346754 h 3349443"/>
              <a:gd name="connsiteX11" fmla="*/ 18234 w 2384244"/>
              <a:gd name="connsiteY11" fmla="*/ 256648 h 334944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2384244" h="3349443">
                <a:moveTo>
                  <a:pt x="18234" y="256648"/>
                </a:moveTo>
                <a:cubicBezTo>
                  <a:pt x="18234" y="121456"/>
                  <a:pt x="120209" y="14401"/>
                  <a:pt x="255401" y="9321"/>
                </a:cubicBezTo>
                <a:cubicBezTo>
                  <a:pt x="351286" y="-1632"/>
                  <a:pt x="462257" y="-4013"/>
                  <a:pt x="538934" y="8052"/>
                </a:cubicBezTo>
                <a:cubicBezTo>
                  <a:pt x="588941" y="42977"/>
                  <a:pt x="504802" y="204269"/>
                  <a:pt x="751024" y="189664"/>
                </a:cubicBezTo>
                <a:cubicBezTo>
                  <a:pt x="908159" y="194321"/>
                  <a:pt x="1122152" y="196755"/>
                  <a:pt x="1293152" y="194110"/>
                </a:cubicBezTo>
                <a:cubicBezTo>
                  <a:pt x="1464152" y="191466"/>
                  <a:pt x="1679973" y="204383"/>
                  <a:pt x="1777022" y="173797"/>
                </a:cubicBezTo>
                <a:cubicBezTo>
                  <a:pt x="1874071" y="143211"/>
                  <a:pt x="1815359" y="37475"/>
                  <a:pt x="1875447" y="10594"/>
                </a:cubicBezTo>
                <a:cubicBezTo>
                  <a:pt x="1915215" y="-1049"/>
                  <a:pt x="2027141" y="688"/>
                  <a:pt x="2152157" y="4245"/>
                </a:cubicBezTo>
                <a:cubicBezTo>
                  <a:pt x="2277173" y="7802"/>
                  <a:pt x="2373683" y="57529"/>
                  <a:pt x="2384244" y="256648"/>
                </a:cubicBezTo>
                <a:cubicBezTo>
                  <a:pt x="2382710" y="1286683"/>
                  <a:pt x="2381175" y="2316719"/>
                  <a:pt x="2379641" y="3346754"/>
                </a:cubicBezTo>
                <a:cubicBezTo>
                  <a:pt x="2383433" y="3351451"/>
                  <a:pt x="1520" y="3349029"/>
                  <a:pt x="0" y="3346754"/>
                </a:cubicBezTo>
                <a:lnTo>
                  <a:pt x="18234" y="256648"/>
                </a:lnTo>
                <a:close/>
              </a:path>
            </a:pathLst>
          </a:custGeom>
          <a:solidFill>
            <a:schemeClr val="tx1"/>
          </a:solidFill>
        </p:spPr>
        <p:txBody>
          <a:bodyPr lIns="252000" tIns="612000" bIns="90000" anchor="t">
            <a:normAutofit/>
          </a:bodyPr>
          <a:lstStyle>
            <a:lvl1pPr marL="0" indent="0" algn="l">
              <a:buNone/>
              <a:defRPr lang="fr-FR" sz="2800" kern="1200" dirty="0">
                <a:solidFill>
                  <a:schemeClr val="accent1"/>
                </a:solidFill>
                <a:latin typeface="Segoe UI Semibold" panose="020B0702040204020203" pitchFamily="34" charset="0"/>
                <a:ea typeface="+mn-ea"/>
                <a:cs typeface="Segoe UI Semibold" panose="020B0702040204020203" pitchFamily="34" charset="0"/>
              </a:defRPr>
            </a:lvl1pPr>
          </a:lstStyle>
          <a:p>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985349946"/>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iPhone 8">
    <p:spTree>
      <p:nvGrpSpPr>
        <p:cNvPr id="1" name=""/>
        <p:cNvGrpSpPr/>
        <p:nvPr/>
      </p:nvGrpSpPr>
      <p:grpSpPr>
        <a:xfrm>
          <a:off x="0" y="0"/>
          <a:ext cx="0" cy="0"/>
          <a:chOff x="0" y="0"/>
          <a:chExt cx="0" cy="0"/>
        </a:xfrm>
      </p:grpSpPr>
      <p:sp>
        <p:nvSpPr>
          <p:cNvPr id="5" name="Picture Placeholder 4">
            <a:extLst>
              <a:ext uri="{FF2B5EF4-FFF2-40B4-BE49-F238E27FC236}">
                <a16:creationId xmlns:a16="http://schemas.microsoft.com/office/drawing/2014/main" id="{1BDEBE99-BA7C-4A77-B9B3-C3E2B94B23B6}"/>
              </a:ext>
            </a:extLst>
          </p:cNvPr>
          <p:cNvSpPr>
            <a:spLocks noGrp="1"/>
          </p:cNvSpPr>
          <p:nvPr>
            <p:ph type="pic" sz="quarter" idx="10" hasCustomPrompt="1"/>
          </p:nvPr>
        </p:nvSpPr>
        <p:spPr>
          <a:xfrm>
            <a:off x="2620962" y="1463041"/>
            <a:ext cx="2220277" cy="3930014"/>
          </a:xfrm>
          <a:prstGeom prst="rect">
            <a:avLst/>
          </a:prstGeom>
          <a:solidFill>
            <a:schemeClr val="tx1"/>
          </a:solidFill>
        </p:spPr>
        <p:txBody>
          <a:bodyPr lIns="216000" tIns="216000">
            <a:normAutofit/>
          </a:bodyPr>
          <a:lstStyle>
            <a:lvl1pPr marL="0" marR="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lang="fr-FR" sz="28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3267936422"/>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Macbook">
    <p:spTree>
      <p:nvGrpSpPr>
        <p:cNvPr id="1" name=""/>
        <p:cNvGrpSpPr/>
        <p:nvPr/>
      </p:nvGrpSpPr>
      <p:grpSpPr>
        <a:xfrm>
          <a:off x="0" y="0"/>
          <a:ext cx="0" cy="0"/>
          <a:chOff x="0" y="0"/>
          <a:chExt cx="0" cy="0"/>
        </a:xfrm>
      </p:grpSpPr>
      <p:sp>
        <p:nvSpPr>
          <p:cNvPr id="3" name="Picture Placeholder 2">
            <a:extLst>
              <a:ext uri="{FF2B5EF4-FFF2-40B4-BE49-F238E27FC236}">
                <a16:creationId xmlns:a16="http://schemas.microsoft.com/office/drawing/2014/main" id="{5D01FD7D-D544-4772-B580-7DC1E6243425}"/>
              </a:ext>
            </a:extLst>
          </p:cNvPr>
          <p:cNvSpPr>
            <a:spLocks noGrp="1"/>
          </p:cNvSpPr>
          <p:nvPr>
            <p:ph type="pic" sz="quarter" idx="10" hasCustomPrompt="1"/>
          </p:nvPr>
        </p:nvSpPr>
        <p:spPr>
          <a:xfrm>
            <a:off x="6688183" y="2235200"/>
            <a:ext cx="5503817" cy="4622800"/>
          </a:xfrm>
          <a:prstGeom prst="rect">
            <a:avLst/>
          </a:prstGeom>
          <a:solidFill>
            <a:schemeClr val="tx1"/>
          </a:solidFill>
        </p:spPr>
        <p:txBody>
          <a:bodyPr lIns="396000" tIns="1476000" rIns="72000" bIns="72000">
            <a:normAutofit/>
          </a:bodyPr>
          <a:lstStyle>
            <a:lvl1pPr marL="0" marR="0" indent="0" algn="l" defTabSz="914400" rtl="0" eaLnBrk="1" fontAlgn="auto" latinLnBrk="0" hangingPunct="1">
              <a:lnSpc>
                <a:spcPct val="90000"/>
              </a:lnSpc>
              <a:spcBef>
                <a:spcPts val="1000"/>
              </a:spcBef>
              <a:spcAft>
                <a:spcPts val="0"/>
              </a:spcAft>
              <a:buClrTx/>
              <a:buSzTx/>
              <a:buFontTx/>
              <a:buNone/>
              <a:tabLst/>
              <a:defRPr lang="fr-FR" sz="3600" kern="1200" dirty="0">
                <a:solidFill>
                  <a:schemeClr val="accent1"/>
                </a:solidFill>
                <a:latin typeface="Segoe UI Semibold" panose="020B0702040204020203" pitchFamily="34" charset="0"/>
                <a:ea typeface="+mn-ea"/>
                <a:cs typeface="Segoe UI Semibold" panose="020B0702040204020203" pitchFamily="34" charset="0"/>
              </a:defRPr>
            </a:lvl1pPr>
          </a:lstStyle>
          <a:p>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4117399673"/>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Macbook Zoom">
    <p:spTree>
      <p:nvGrpSpPr>
        <p:cNvPr id="1" name=""/>
        <p:cNvGrpSpPr/>
        <p:nvPr/>
      </p:nvGrpSpPr>
      <p:grpSpPr>
        <a:xfrm>
          <a:off x="0" y="0"/>
          <a:ext cx="0" cy="0"/>
          <a:chOff x="0" y="0"/>
          <a:chExt cx="0" cy="0"/>
        </a:xfrm>
      </p:grpSpPr>
      <p:sp>
        <p:nvSpPr>
          <p:cNvPr id="3" name="Picture Placeholder 2">
            <a:extLst>
              <a:ext uri="{FF2B5EF4-FFF2-40B4-BE49-F238E27FC236}">
                <a16:creationId xmlns:a16="http://schemas.microsoft.com/office/drawing/2014/main" id="{5D01FD7D-D544-4772-B580-7DC1E6243425}"/>
              </a:ext>
            </a:extLst>
          </p:cNvPr>
          <p:cNvSpPr>
            <a:spLocks noGrp="1"/>
          </p:cNvSpPr>
          <p:nvPr>
            <p:ph type="pic" sz="quarter" idx="10" hasCustomPrompt="1"/>
          </p:nvPr>
        </p:nvSpPr>
        <p:spPr>
          <a:xfrm>
            <a:off x="6543040" y="1745672"/>
            <a:ext cx="5661660" cy="3567545"/>
          </a:xfrm>
          <a:prstGeom prst="rect">
            <a:avLst/>
          </a:prstGeom>
          <a:solidFill>
            <a:schemeClr val="tx1"/>
          </a:solidFill>
        </p:spPr>
        <p:txBody>
          <a:bodyPr lIns="396000" tIns="1476000" rIns="72000" bIns="72000">
            <a:normAutofit/>
          </a:bodyPr>
          <a:lstStyle>
            <a:lvl1pPr marL="0" marR="0" indent="0" algn="l" defTabSz="914400" rtl="0" eaLnBrk="1" fontAlgn="auto" latinLnBrk="0" hangingPunct="1">
              <a:lnSpc>
                <a:spcPct val="90000"/>
              </a:lnSpc>
              <a:spcBef>
                <a:spcPts val="1000"/>
              </a:spcBef>
              <a:spcAft>
                <a:spcPts val="0"/>
              </a:spcAft>
              <a:buClrTx/>
              <a:buSzTx/>
              <a:buFontTx/>
              <a:buNone/>
              <a:tabLst/>
              <a:defRPr lang="fr-FR" sz="3600" kern="1200" dirty="0">
                <a:solidFill>
                  <a:schemeClr val="accent1"/>
                </a:solidFill>
                <a:latin typeface="Segoe UI Semibold" panose="020B0702040204020203" pitchFamily="34" charset="0"/>
                <a:ea typeface="+mn-ea"/>
                <a:cs typeface="Segoe UI Semibold" panose="020B0702040204020203" pitchFamily="34" charset="0"/>
              </a:defRPr>
            </a:lvl1pPr>
          </a:lstStyle>
          <a:p>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827731649"/>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Dell XPS 13">
    <p:spTree>
      <p:nvGrpSpPr>
        <p:cNvPr id="1" name=""/>
        <p:cNvGrpSpPr/>
        <p:nvPr/>
      </p:nvGrpSpPr>
      <p:grpSpPr>
        <a:xfrm>
          <a:off x="0" y="0"/>
          <a:ext cx="0" cy="0"/>
          <a:chOff x="0" y="0"/>
          <a:chExt cx="0" cy="0"/>
        </a:xfrm>
      </p:grpSpPr>
      <p:sp>
        <p:nvSpPr>
          <p:cNvPr id="3" name="Picture Placeholder 2">
            <a:extLst>
              <a:ext uri="{FF2B5EF4-FFF2-40B4-BE49-F238E27FC236}">
                <a16:creationId xmlns:a16="http://schemas.microsoft.com/office/drawing/2014/main" id="{5D01FD7D-D544-4772-B580-7DC1E6243425}"/>
              </a:ext>
            </a:extLst>
          </p:cNvPr>
          <p:cNvSpPr>
            <a:spLocks noGrp="1"/>
          </p:cNvSpPr>
          <p:nvPr>
            <p:ph type="pic" sz="quarter" idx="10" hasCustomPrompt="1"/>
          </p:nvPr>
        </p:nvSpPr>
        <p:spPr>
          <a:xfrm>
            <a:off x="5651501" y="1380445"/>
            <a:ext cx="6540499" cy="3681412"/>
          </a:xfrm>
          <a:prstGeom prst="rect">
            <a:avLst/>
          </a:prstGeom>
          <a:solidFill>
            <a:schemeClr val="tx1"/>
          </a:solidFill>
        </p:spPr>
        <p:txBody>
          <a:bodyPr lIns="396000" tIns="1476000" rIns="72000" bIns="72000">
            <a:normAutofit/>
          </a:bodyPr>
          <a:lstStyle>
            <a:lvl1pPr marL="0" marR="0" indent="0" algn="l" defTabSz="914400" rtl="0" eaLnBrk="1" fontAlgn="auto" latinLnBrk="0" hangingPunct="1">
              <a:lnSpc>
                <a:spcPct val="90000"/>
              </a:lnSpc>
              <a:spcBef>
                <a:spcPts val="1000"/>
              </a:spcBef>
              <a:spcAft>
                <a:spcPts val="0"/>
              </a:spcAft>
              <a:buClrTx/>
              <a:buSzTx/>
              <a:buFontTx/>
              <a:buNone/>
              <a:tabLst/>
              <a:defRPr lang="fr-FR" sz="3600" kern="1200" dirty="0">
                <a:solidFill>
                  <a:schemeClr val="accent1"/>
                </a:solidFill>
                <a:latin typeface="Segoe UI Semibold" panose="020B0702040204020203" pitchFamily="34" charset="0"/>
                <a:ea typeface="+mn-ea"/>
                <a:cs typeface="Segoe UI Semibold" panose="020B0702040204020203" pitchFamily="34" charset="0"/>
              </a:defRPr>
            </a:lvl1pPr>
          </a:lstStyle>
          <a:p>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99064819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SmartWatch">
    <p:spTree>
      <p:nvGrpSpPr>
        <p:cNvPr id="1" name=""/>
        <p:cNvGrpSpPr/>
        <p:nvPr/>
      </p:nvGrpSpPr>
      <p:grpSpPr>
        <a:xfrm>
          <a:off x="0" y="0"/>
          <a:ext cx="0" cy="0"/>
          <a:chOff x="0" y="0"/>
          <a:chExt cx="0" cy="0"/>
        </a:xfrm>
      </p:grpSpPr>
      <p:sp>
        <p:nvSpPr>
          <p:cNvPr id="14" name="Picture Placeholder 13">
            <a:extLst>
              <a:ext uri="{FF2B5EF4-FFF2-40B4-BE49-F238E27FC236}">
                <a16:creationId xmlns:a16="http://schemas.microsoft.com/office/drawing/2014/main" id="{B6F9079A-40FC-45CA-B075-1C157417CDD3}"/>
              </a:ext>
            </a:extLst>
          </p:cNvPr>
          <p:cNvSpPr>
            <a:spLocks noGrp="1"/>
          </p:cNvSpPr>
          <p:nvPr>
            <p:ph type="pic" sz="quarter" idx="10" hasCustomPrompt="1"/>
          </p:nvPr>
        </p:nvSpPr>
        <p:spPr>
          <a:xfrm>
            <a:off x="1657987" y="2600960"/>
            <a:ext cx="1327149" cy="1651804"/>
          </a:xfrm>
          <a:prstGeom prst="rect">
            <a:avLst/>
          </a:prstGeom>
          <a:solidFill>
            <a:schemeClr val="tx1"/>
          </a:solidFill>
        </p:spPr>
        <p:txBody>
          <a:bodyPr lIns="108000" tIns="108000" rIns="108000">
            <a:noAutofit/>
          </a:bodyPr>
          <a:lstStyle>
            <a:lvl1pPr marL="0" marR="0" indent="0" algn="l" defTabSz="914400" rtl="0" eaLnBrk="1" fontAlgn="auto" latinLnBrk="0" hangingPunct="1">
              <a:lnSpc>
                <a:spcPct val="100000"/>
              </a:lnSpc>
              <a:spcBef>
                <a:spcPts val="1000"/>
              </a:spcBef>
              <a:spcAft>
                <a:spcPts val="0"/>
              </a:spcAft>
              <a:buClrTx/>
              <a:buSzTx/>
              <a:buFontTx/>
              <a:buNone/>
              <a:tabLst/>
              <a:defRPr lang="fr-FR" sz="12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955630236"/>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SmartWatch 2">
    <p:spTree>
      <p:nvGrpSpPr>
        <p:cNvPr id="1" name=""/>
        <p:cNvGrpSpPr/>
        <p:nvPr/>
      </p:nvGrpSpPr>
      <p:grpSpPr>
        <a:xfrm>
          <a:off x="0" y="0"/>
          <a:ext cx="0" cy="0"/>
          <a:chOff x="0" y="0"/>
          <a:chExt cx="0" cy="0"/>
        </a:xfrm>
      </p:grpSpPr>
      <p:sp>
        <p:nvSpPr>
          <p:cNvPr id="11" name="Picture Placeholder 2">
            <a:extLst>
              <a:ext uri="{FF2B5EF4-FFF2-40B4-BE49-F238E27FC236}">
                <a16:creationId xmlns:a16="http://schemas.microsoft.com/office/drawing/2014/main" id="{A3C18045-4E97-4F51-A09F-D85E0CDDEC54}"/>
              </a:ext>
            </a:extLst>
          </p:cNvPr>
          <p:cNvSpPr>
            <a:spLocks noGrp="1"/>
          </p:cNvSpPr>
          <p:nvPr>
            <p:ph type="pic" sz="quarter" idx="10" hasCustomPrompt="1"/>
          </p:nvPr>
        </p:nvSpPr>
        <p:spPr>
          <a:xfrm>
            <a:off x="7506874" y="2217581"/>
            <a:ext cx="1938270" cy="2422838"/>
          </a:xfrm>
          <a:prstGeom prst="rect">
            <a:avLst/>
          </a:prstGeom>
          <a:solidFill>
            <a:schemeClr val="tx1"/>
          </a:solidFill>
        </p:spPr>
        <p:txBody>
          <a:bodyPr lIns="180000" tIns="1044000" rIns="72000" bIns="72000">
            <a:noAutofit/>
          </a:bodyPr>
          <a:lstStyle>
            <a:lvl1pPr marL="0" marR="0" indent="0" algn="l" defTabSz="914400" rtl="0" eaLnBrk="1" fontAlgn="auto" latinLnBrk="0" hangingPunct="1">
              <a:lnSpc>
                <a:spcPct val="90000"/>
              </a:lnSpc>
              <a:spcBef>
                <a:spcPts val="1000"/>
              </a:spcBef>
              <a:spcAft>
                <a:spcPts val="0"/>
              </a:spcAft>
              <a:buClrTx/>
              <a:buSzTx/>
              <a:buFontTx/>
              <a:buNone/>
              <a:tabLst/>
              <a:defRPr lang="fr-FR" sz="24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2091926737"/>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userDrawn="1">
  <p:cSld name="Motorola Moto 360">
    <p:spTree>
      <p:nvGrpSpPr>
        <p:cNvPr id="1" name=""/>
        <p:cNvGrpSpPr/>
        <p:nvPr/>
      </p:nvGrpSpPr>
      <p:grpSpPr>
        <a:xfrm>
          <a:off x="0" y="0"/>
          <a:ext cx="0" cy="0"/>
          <a:chOff x="0" y="0"/>
          <a:chExt cx="0" cy="0"/>
        </a:xfrm>
      </p:grpSpPr>
      <p:sp>
        <p:nvSpPr>
          <p:cNvPr id="3" name="Picture Placeholder 2">
            <a:extLst>
              <a:ext uri="{FF2B5EF4-FFF2-40B4-BE49-F238E27FC236}">
                <a16:creationId xmlns:a16="http://schemas.microsoft.com/office/drawing/2014/main" id="{7060C29C-669A-4435-98F7-08E7CA3CB23F}"/>
              </a:ext>
            </a:extLst>
          </p:cNvPr>
          <p:cNvSpPr>
            <a:spLocks noGrp="1"/>
          </p:cNvSpPr>
          <p:nvPr>
            <p:ph type="pic" sz="quarter" idx="10" hasCustomPrompt="1"/>
          </p:nvPr>
        </p:nvSpPr>
        <p:spPr>
          <a:xfrm>
            <a:off x="7097712" y="2143919"/>
            <a:ext cx="2568575" cy="2568575"/>
          </a:xfrm>
          <a:prstGeom prst="ellipse">
            <a:avLst/>
          </a:prstGeom>
          <a:solidFill>
            <a:schemeClr val="tx1"/>
          </a:solidFill>
        </p:spPr>
        <p:txBody>
          <a:bodyPr>
            <a:normAutofit/>
          </a:bodyPr>
          <a:lstStyle>
            <a:lvl1pPr marL="0" indent="0" algn="ctr">
              <a:spcBef>
                <a:spcPts val="0"/>
              </a:spcBef>
              <a:buNone/>
              <a:defRPr lang="fr-FR" sz="2000" kern="1200" dirty="0">
                <a:solidFill>
                  <a:schemeClr val="accent1"/>
                </a:solidFill>
                <a:latin typeface="Segoe UI Semibold" panose="020B0702040204020203" pitchFamily="34" charset="0"/>
                <a:ea typeface="+mn-ea"/>
                <a:cs typeface="Segoe UI Semibold" panose="020B0702040204020203" pitchFamily="34" charset="0"/>
              </a:defRPr>
            </a:lvl1pPr>
          </a:lstStyle>
          <a:p>
            <a:r>
              <a:rPr lang="fr-FR" dirty="0"/>
              <a:t>Click to add a </a:t>
            </a:r>
            <a:r>
              <a:rPr lang="fr-FR" dirty="0" err="1"/>
              <a:t>picture</a:t>
            </a:r>
            <a:endParaRPr lang="fr-FR" dirty="0"/>
          </a:p>
        </p:txBody>
      </p:sp>
    </p:spTree>
    <p:extLst>
      <p:ext uri="{BB962C8B-B14F-4D97-AF65-F5344CB8AC3E}">
        <p14:creationId xmlns:p14="http://schemas.microsoft.com/office/powerpoint/2010/main" val="198600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529FD48-8885-BD46-A915-AC849CD66271}"/>
              </a:ext>
            </a:extLst>
          </p:cNvPr>
          <p:cNvSpPr>
            <a:spLocks noGrp="1"/>
          </p:cNvSpPr>
          <p:nvPr>
            <p:ph type="title"/>
          </p:nvPr>
        </p:nvSpPr>
        <p:spPr>
          <a:xfrm>
            <a:off x="839788" y="365125"/>
            <a:ext cx="10515600" cy="1325563"/>
          </a:xfrm>
        </p:spPr>
        <p:txBody>
          <a:bodyPr/>
          <a:lstStyle/>
          <a:p>
            <a:r>
              <a:rPr lang="en-GB"/>
              <a:t>Click to edit Master title style</a:t>
            </a:r>
            <a:endParaRPr lang="en-US"/>
          </a:p>
        </p:txBody>
      </p:sp>
      <p:sp>
        <p:nvSpPr>
          <p:cNvPr id="3" name="Text Placeholder 2">
            <a:extLst>
              <a:ext uri="{FF2B5EF4-FFF2-40B4-BE49-F238E27FC236}">
                <a16:creationId xmlns:a16="http://schemas.microsoft.com/office/drawing/2014/main" id="{17435FB5-BFD6-0E4C-A8F9-526742490585}"/>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GB"/>
              <a:t>Click to edit Master text styles</a:t>
            </a:r>
          </a:p>
        </p:txBody>
      </p:sp>
      <p:sp>
        <p:nvSpPr>
          <p:cNvPr id="4" name="Content Placeholder 3">
            <a:extLst>
              <a:ext uri="{FF2B5EF4-FFF2-40B4-BE49-F238E27FC236}">
                <a16:creationId xmlns:a16="http://schemas.microsoft.com/office/drawing/2014/main" id="{A3344DE7-4873-554C-B9F9-606003A357E5}"/>
              </a:ext>
            </a:extLst>
          </p:cNvPr>
          <p:cNvSpPr>
            <a:spLocks noGrp="1"/>
          </p:cNvSpPr>
          <p:nvPr>
            <p:ph sz="half" idx="2"/>
          </p:nvPr>
        </p:nvSpPr>
        <p:spPr>
          <a:xfrm>
            <a:off x="839788" y="2505075"/>
            <a:ext cx="5157787" cy="3684588"/>
          </a:xfrm>
        </p:spPr>
        <p:txBody>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5" name="Text Placeholder 4">
            <a:extLst>
              <a:ext uri="{FF2B5EF4-FFF2-40B4-BE49-F238E27FC236}">
                <a16:creationId xmlns:a16="http://schemas.microsoft.com/office/drawing/2014/main" id="{01EE9DF2-FEB0-C043-BA6D-EBFA05441388}"/>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GB"/>
              <a:t>Click to edit Master text styles</a:t>
            </a:r>
          </a:p>
        </p:txBody>
      </p:sp>
      <p:sp>
        <p:nvSpPr>
          <p:cNvPr id="6" name="Content Placeholder 5">
            <a:extLst>
              <a:ext uri="{FF2B5EF4-FFF2-40B4-BE49-F238E27FC236}">
                <a16:creationId xmlns:a16="http://schemas.microsoft.com/office/drawing/2014/main" id="{D2DD0711-5F38-AC41-86EE-DBF53B0BA7BB}"/>
              </a:ext>
            </a:extLst>
          </p:cNvPr>
          <p:cNvSpPr>
            <a:spLocks noGrp="1"/>
          </p:cNvSpPr>
          <p:nvPr>
            <p:ph sz="quarter" idx="4"/>
          </p:nvPr>
        </p:nvSpPr>
        <p:spPr>
          <a:xfrm>
            <a:off x="6172200" y="2505075"/>
            <a:ext cx="5183188" cy="3684588"/>
          </a:xfrm>
        </p:spPr>
        <p:txBody>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7" name="Date Placeholder 6">
            <a:extLst>
              <a:ext uri="{FF2B5EF4-FFF2-40B4-BE49-F238E27FC236}">
                <a16:creationId xmlns:a16="http://schemas.microsoft.com/office/drawing/2014/main" id="{5B60BD5A-C18A-5943-8CF6-107B162283EC}"/>
              </a:ext>
            </a:extLst>
          </p:cNvPr>
          <p:cNvSpPr>
            <a:spLocks noGrp="1"/>
          </p:cNvSpPr>
          <p:nvPr>
            <p:ph type="dt" sz="half" idx="10"/>
          </p:nvPr>
        </p:nvSpPr>
        <p:spPr/>
        <p:txBody>
          <a:bodyPr/>
          <a:lstStyle/>
          <a:p>
            <a:fld id="{774E0063-68DC-4120-B6B4-A7751366E1B4}" type="datetime1">
              <a:rPr lang="en-US" smtClean="0"/>
              <a:t>6/3/2022</a:t>
            </a:fld>
            <a:endParaRPr lang="en-US"/>
          </a:p>
        </p:txBody>
      </p:sp>
      <p:sp>
        <p:nvSpPr>
          <p:cNvPr id="8" name="Footer Placeholder 7">
            <a:extLst>
              <a:ext uri="{FF2B5EF4-FFF2-40B4-BE49-F238E27FC236}">
                <a16:creationId xmlns:a16="http://schemas.microsoft.com/office/drawing/2014/main" id="{B2D43225-B3F9-DB48-B8E0-7C9039F0133E}"/>
              </a:ext>
            </a:extLst>
          </p:cNvPr>
          <p:cNvSpPr>
            <a:spLocks noGrp="1"/>
          </p:cNvSpPr>
          <p:nvPr>
            <p:ph type="ftr" sz="quarter" idx="11"/>
          </p:nvPr>
        </p:nvSpPr>
        <p:spPr/>
        <p:txBody>
          <a:bodyPr/>
          <a:lstStyle/>
          <a:p>
            <a:endParaRPr lang="en-US"/>
          </a:p>
        </p:txBody>
      </p:sp>
      <p:sp>
        <p:nvSpPr>
          <p:cNvPr id="9" name="Slide Number Placeholder 8">
            <a:extLst>
              <a:ext uri="{FF2B5EF4-FFF2-40B4-BE49-F238E27FC236}">
                <a16:creationId xmlns:a16="http://schemas.microsoft.com/office/drawing/2014/main" id="{C189079D-B8F6-4E4A-9431-7A3B34B230E7}"/>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43741370"/>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Samsung Galaxy S8">
    <p:spTree>
      <p:nvGrpSpPr>
        <p:cNvPr id="1" name=""/>
        <p:cNvGrpSpPr/>
        <p:nvPr/>
      </p:nvGrpSpPr>
      <p:grpSpPr>
        <a:xfrm>
          <a:off x="0" y="0"/>
          <a:ext cx="0" cy="0"/>
          <a:chOff x="0" y="0"/>
          <a:chExt cx="0" cy="0"/>
        </a:xfrm>
      </p:grpSpPr>
      <p:sp>
        <p:nvSpPr>
          <p:cNvPr id="10" name="Picture Placeholder 4">
            <a:extLst>
              <a:ext uri="{FF2B5EF4-FFF2-40B4-BE49-F238E27FC236}">
                <a16:creationId xmlns:a16="http://schemas.microsoft.com/office/drawing/2014/main" id="{11B93FC0-473A-4AAF-9633-2ACB63BDC73F}"/>
              </a:ext>
            </a:extLst>
          </p:cNvPr>
          <p:cNvSpPr>
            <a:spLocks noGrp="1"/>
          </p:cNvSpPr>
          <p:nvPr>
            <p:ph type="pic" sz="quarter" idx="10" hasCustomPrompt="1"/>
          </p:nvPr>
        </p:nvSpPr>
        <p:spPr>
          <a:xfrm>
            <a:off x="2560320" y="1024891"/>
            <a:ext cx="2335530" cy="4802886"/>
          </a:xfrm>
          <a:prstGeom prst="roundRect">
            <a:avLst>
              <a:gd name="adj" fmla="val 9054"/>
            </a:avLst>
          </a:prstGeom>
          <a:solidFill>
            <a:schemeClr val="tx1"/>
          </a:solidFill>
        </p:spPr>
        <p:txBody>
          <a:bodyPr lIns="216000" tIns="216000">
            <a:normAutofit/>
          </a:bodyPr>
          <a:lstStyle>
            <a:lvl1pPr marL="0" marR="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lang="fr-FR" sz="28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3137264224"/>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Samsung Galaxy S8 Zoom">
    <p:spTree>
      <p:nvGrpSpPr>
        <p:cNvPr id="1" name=""/>
        <p:cNvGrpSpPr/>
        <p:nvPr/>
      </p:nvGrpSpPr>
      <p:grpSpPr>
        <a:xfrm>
          <a:off x="0" y="0"/>
          <a:ext cx="0" cy="0"/>
          <a:chOff x="0" y="0"/>
          <a:chExt cx="0" cy="0"/>
        </a:xfrm>
      </p:grpSpPr>
      <p:sp>
        <p:nvSpPr>
          <p:cNvPr id="10" name="Picture Placeholder 4">
            <a:extLst>
              <a:ext uri="{FF2B5EF4-FFF2-40B4-BE49-F238E27FC236}">
                <a16:creationId xmlns:a16="http://schemas.microsoft.com/office/drawing/2014/main" id="{11B93FC0-473A-4AAF-9633-2ACB63BDC73F}"/>
              </a:ext>
            </a:extLst>
          </p:cNvPr>
          <p:cNvSpPr>
            <a:spLocks noGrp="1"/>
          </p:cNvSpPr>
          <p:nvPr>
            <p:ph type="pic" sz="quarter" idx="10" hasCustomPrompt="1"/>
          </p:nvPr>
        </p:nvSpPr>
        <p:spPr>
          <a:xfrm>
            <a:off x="1168400" y="1558290"/>
            <a:ext cx="3867150" cy="5325110"/>
          </a:xfrm>
          <a:custGeom>
            <a:avLst/>
            <a:gdLst>
              <a:gd name="connsiteX0" fmla="*/ 0 w 3854450"/>
              <a:gd name="connsiteY0" fmla="*/ 348982 h 7926459"/>
              <a:gd name="connsiteX1" fmla="*/ 348982 w 3854450"/>
              <a:gd name="connsiteY1" fmla="*/ 0 h 7926459"/>
              <a:gd name="connsiteX2" fmla="*/ 3505468 w 3854450"/>
              <a:gd name="connsiteY2" fmla="*/ 0 h 7926459"/>
              <a:gd name="connsiteX3" fmla="*/ 3854450 w 3854450"/>
              <a:gd name="connsiteY3" fmla="*/ 348982 h 7926459"/>
              <a:gd name="connsiteX4" fmla="*/ 3854450 w 3854450"/>
              <a:gd name="connsiteY4" fmla="*/ 7577477 h 7926459"/>
              <a:gd name="connsiteX5" fmla="*/ 3505468 w 3854450"/>
              <a:gd name="connsiteY5" fmla="*/ 7926459 h 7926459"/>
              <a:gd name="connsiteX6" fmla="*/ 348982 w 3854450"/>
              <a:gd name="connsiteY6" fmla="*/ 7926459 h 7926459"/>
              <a:gd name="connsiteX7" fmla="*/ 0 w 3854450"/>
              <a:gd name="connsiteY7" fmla="*/ 7577477 h 7926459"/>
              <a:gd name="connsiteX8" fmla="*/ 0 w 3854450"/>
              <a:gd name="connsiteY8" fmla="*/ 348982 h 7926459"/>
              <a:gd name="connsiteX0" fmla="*/ 12700 w 3867150"/>
              <a:gd name="connsiteY0" fmla="*/ 348982 h 7926459"/>
              <a:gd name="connsiteX1" fmla="*/ 361682 w 3867150"/>
              <a:gd name="connsiteY1" fmla="*/ 0 h 7926459"/>
              <a:gd name="connsiteX2" fmla="*/ 3518168 w 3867150"/>
              <a:gd name="connsiteY2" fmla="*/ 0 h 7926459"/>
              <a:gd name="connsiteX3" fmla="*/ 3867150 w 3867150"/>
              <a:gd name="connsiteY3" fmla="*/ 348982 h 7926459"/>
              <a:gd name="connsiteX4" fmla="*/ 3867150 w 3867150"/>
              <a:gd name="connsiteY4" fmla="*/ 7577477 h 7926459"/>
              <a:gd name="connsiteX5" fmla="*/ 3518168 w 3867150"/>
              <a:gd name="connsiteY5" fmla="*/ 7926459 h 7926459"/>
              <a:gd name="connsiteX6" fmla="*/ 361682 w 3867150"/>
              <a:gd name="connsiteY6" fmla="*/ 7926459 h 7926459"/>
              <a:gd name="connsiteX7" fmla="*/ 12700 w 3867150"/>
              <a:gd name="connsiteY7" fmla="*/ 7577477 h 7926459"/>
              <a:gd name="connsiteX8" fmla="*/ 0 w 3867150"/>
              <a:gd name="connsiteY8" fmla="*/ 5299710 h 7926459"/>
              <a:gd name="connsiteX9" fmla="*/ 12700 w 3867150"/>
              <a:gd name="connsiteY9" fmla="*/ 348982 h 7926459"/>
              <a:gd name="connsiteX0" fmla="*/ 12700 w 3867150"/>
              <a:gd name="connsiteY0" fmla="*/ 348982 h 7926459"/>
              <a:gd name="connsiteX1" fmla="*/ 361682 w 3867150"/>
              <a:gd name="connsiteY1" fmla="*/ 0 h 7926459"/>
              <a:gd name="connsiteX2" fmla="*/ 3518168 w 3867150"/>
              <a:gd name="connsiteY2" fmla="*/ 0 h 7926459"/>
              <a:gd name="connsiteX3" fmla="*/ 3867150 w 3867150"/>
              <a:gd name="connsiteY3" fmla="*/ 348982 h 7926459"/>
              <a:gd name="connsiteX4" fmla="*/ 3860800 w 3867150"/>
              <a:gd name="connsiteY4" fmla="*/ 5325110 h 7926459"/>
              <a:gd name="connsiteX5" fmla="*/ 3867150 w 3867150"/>
              <a:gd name="connsiteY5" fmla="*/ 7577477 h 7926459"/>
              <a:gd name="connsiteX6" fmla="*/ 3518168 w 3867150"/>
              <a:gd name="connsiteY6" fmla="*/ 7926459 h 7926459"/>
              <a:gd name="connsiteX7" fmla="*/ 361682 w 3867150"/>
              <a:gd name="connsiteY7" fmla="*/ 7926459 h 7926459"/>
              <a:gd name="connsiteX8" fmla="*/ 12700 w 3867150"/>
              <a:gd name="connsiteY8" fmla="*/ 7577477 h 7926459"/>
              <a:gd name="connsiteX9" fmla="*/ 0 w 3867150"/>
              <a:gd name="connsiteY9" fmla="*/ 5299710 h 7926459"/>
              <a:gd name="connsiteX10" fmla="*/ 12700 w 3867150"/>
              <a:gd name="connsiteY10" fmla="*/ 348982 h 7926459"/>
              <a:gd name="connsiteX0" fmla="*/ 12700 w 3886723"/>
              <a:gd name="connsiteY0" fmla="*/ 348982 h 7926459"/>
              <a:gd name="connsiteX1" fmla="*/ 361682 w 3886723"/>
              <a:gd name="connsiteY1" fmla="*/ 0 h 7926459"/>
              <a:gd name="connsiteX2" fmla="*/ 3518168 w 3886723"/>
              <a:gd name="connsiteY2" fmla="*/ 0 h 7926459"/>
              <a:gd name="connsiteX3" fmla="*/ 3867150 w 3886723"/>
              <a:gd name="connsiteY3" fmla="*/ 348982 h 7926459"/>
              <a:gd name="connsiteX4" fmla="*/ 3860800 w 3886723"/>
              <a:gd name="connsiteY4" fmla="*/ 5325110 h 7926459"/>
              <a:gd name="connsiteX5" fmla="*/ 3518168 w 3886723"/>
              <a:gd name="connsiteY5" fmla="*/ 7926459 h 7926459"/>
              <a:gd name="connsiteX6" fmla="*/ 361682 w 3886723"/>
              <a:gd name="connsiteY6" fmla="*/ 7926459 h 7926459"/>
              <a:gd name="connsiteX7" fmla="*/ 12700 w 3886723"/>
              <a:gd name="connsiteY7" fmla="*/ 7577477 h 7926459"/>
              <a:gd name="connsiteX8" fmla="*/ 0 w 3886723"/>
              <a:gd name="connsiteY8" fmla="*/ 5299710 h 7926459"/>
              <a:gd name="connsiteX9" fmla="*/ 12700 w 3886723"/>
              <a:gd name="connsiteY9" fmla="*/ 348982 h 7926459"/>
              <a:gd name="connsiteX0" fmla="*/ 12700 w 3867150"/>
              <a:gd name="connsiteY0" fmla="*/ 348982 h 7926459"/>
              <a:gd name="connsiteX1" fmla="*/ 361682 w 3867150"/>
              <a:gd name="connsiteY1" fmla="*/ 0 h 7926459"/>
              <a:gd name="connsiteX2" fmla="*/ 3518168 w 3867150"/>
              <a:gd name="connsiteY2" fmla="*/ 0 h 7926459"/>
              <a:gd name="connsiteX3" fmla="*/ 3867150 w 3867150"/>
              <a:gd name="connsiteY3" fmla="*/ 348982 h 7926459"/>
              <a:gd name="connsiteX4" fmla="*/ 3860800 w 3867150"/>
              <a:gd name="connsiteY4" fmla="*/ 5325110 h 7926459"/>
              <a:gd name="connsiteX5" fmla="*/ 361682 w 3867150"/>
              <a:gd name="connsiteY5" fmla="*/ 7926459 h 7926459"/>
              <a:gd name="connsiteX6" fmla="*/ 12700 w 3867150"/>
              <a:gd name="connsiteY6" fmla="*/ 7577477 h 7926459"/>
              <a:gd name="connsiteX7" fmla="*/ 0 w 3867150"/>
              <a:gd name="connsiteY7" fmla="*/ 5299710 h 7926459"/>
              <a:gd name="connsiteX8" fmla="*/ 12700 w 3867150"/>
              <a:gd name="connsiteY8" fmla="*/ 348982 h 7926459"/>
              <a:gd name="connsiteX0" fmla="*/ 12700 w 3867150"/>
              <a:gd name="connsiteY0" fmla="*/ 348982 h 7577489"/>
              <a:gd name="connsiteX1" fmla="*/ 361682 w 3867150"/>
              <a:gd name="connsiteY1" fmla="*/ 0 h 7577489"/>
              <a:gd name="connsiteX2" fmla="*/ 3518168 w 3867150"/>
              <a:gd name="connsiteY2" fmla="*/ 0 h 7577489"/>
              <a:gd name="connsiteX3" fmla="*/ 3867150 w 3867150"/>
              <a:gd name="connsiteY3" fmla="*/ 348982 h 7577489"/>
              <a:gd name="connsiteX4" fmla="*/ 3860800 w 3867150"/>
              <a:gd name="connsiteY4" fmla="*/ 5325110 h 7577489"/>
              <a:gd name="connsiteX5" fmla="*/ 12700 w 3867150"/>
              <a:gd name="connsiteY5" fmla="*/ 7577477 h 7577489"/>
              <a:gd name="connsiteX6" fmla="*/ 0 w 3867150"/>
              <a:gd name="connsiteY6" fmla="*/ 5299710 h 7577489"/>
              <a:gd name="connsiteX7" fmla="*/ 12700 w 3867150"/>
              <a:gd name="connsiteY7" fmla="*/ 348982 h 7577489"/>
              <a:gd name="connsiteX0" fmla="*/ 12700 w 3867150"/>
              <a:gd name="connsiteY0" fmla="*/ 348982 h 5932961"/>
              <a:gd name="connsiteX1" fmla="*/ 361682 w 3867150"/>
              <a:gd name="connsiteY1" fmla="*/ 0 h 5932961"/>
              <a:gd name="connsiteX2" fmla="*/ 3518168 w 3867150"/>
              <a:gd name="connsiteY2" fmla="*/ 0 h 5932961"/>
              <a:gd name="connsiteX3" fmla="*/ 3867150 w 3867150"/>
              <a:gd name="connsiteY3" fmla="*/ 348982 h 5932961"/>
              <a:gd name="connsiteX4" fmla="*/ 3860800 w 3867150"/>
              <a:gd name="connsiteY4" fmla="*/ 5325110 h 5932961"/>
              <a:gd name="connsiteX5" fmla="*/ 0 w 3867150"/>
              <a:gd name="connsiteY5" fmla="*/ 5299710 h 5932961"/>
              <a:gd name="connsiteX6" fmla="*/ 12700 w 3867150"/>
              <a:gd name="connsiteY6" fmla="*/ 348982 h 5932961"/>
              <a:gd name="connsiteX0" fmla="*/ 12700 w 3867150"/>
              <a:gd name="connsiteY0" fmla="*/ 348982 h 5697434"/>
              <a:gd name="connsiteX1" fmla="*/ 361682 w 3867150"/>
              <a:gd name="connsiteY1" fmla="*/ 0 h 5697434"/>
              <a:gd name="connsiteX2" fmla="*/ 3518168 w 3867150"/>
              <a:gd name="connsiteY2" fmla="*/ 0 h 5697434"/>
              <a:gd name="connsiteX3" fmla="*/ 3867150 w 3867150"/>
              <a:gd name="connsiteY3" fmla="*/ 348982 h 5697434"/>
              <a:gd name="connsiteX4" fmla="*/ 3860800 w 3867150"/>
              <a:gd name="connsiteY4" fmla="*/ 5325110 h 5697434"/>
              <a:gd name="connsiteX5" fmla="*/ 0 w 3867150"/>
              <a:gd name="connsiteY5" fmla="*/ 5299710 h 5697434"/>
              <a:gd name="connsiteX6" fmla="*/ 12700 w 3867150"/>
              <a:gd name="connsiteY6" fmla="*/ 348982 h 5697434"/>
              <a:gd name="connsiteX0" fmla="*/ 12700 w 3867150"/>
              <a:gd name="connsiteY0" fmla="*/ 348982 h 5348214"/>
              <a:gd name="connsiteX1" fmla="*/ 361682 w 3867150"/>
              <a:gd name="connsiteY1" fmla="*/ 0 h 5348214"/>
              <a:gd name="connsiteX2" fmla="*/ 3518168 w 3867150"/>
              <a:gd name="connsiteY2" fmla="*/ 0 h 5348214"/>
              <a:gd name="connsiteX3" fmla="*/ 3867150 w 3867150"/>
              <a:gd name="connsiteY3" fmla="*/ 348982 h 5348214"/>
              <a:gd name="connsiteX4" fmla="*/ 3860800 w 3867150"/>
              <a:gd name="connsiteY4" fmla="*/ 5325110 h 5348214"/>
              <a:gd name="connsiteX5" fmla="*/ 0 w 3867150"/>
              <a:gd name="connsiteY5" fmla="*/ 5299710 h 5348214"/>
              <a:gd name="connsiteX6" fmla="*/ 12700 w 3867150"/>
              <a:gd name="connsiteY6" fmla="*/ 348982 h 5348214"/>
              <a:gd name="connsiteX0" fmla="*/ 12700 w 3867150"/>
              <a:gd name="connsiteY0" fmla="*/ 348982 h 5353474"/>
              <a:gd name="connsiteX1" fmla="*/ 361682 w 3867150"/>
              <a:gd name="connsiteY1" fmla="*/ 0 h 5353474"/>
              <a:gd name="connsiteX2" fmla="*/ 3518168 w 3867150"/>
              <a:gd name="connsiteY2" fmla="*/ 0 h 5353474"/>
              <a:gd name="connsiteX3" fmla="*/ 3867150 w 3867150"/>
              <a:gd name="connsiteY3" fmla="*/ 348982 h 5353474"/>
              <a:gd name="connsiteX4" fmla="*/ 3860800 w 3867150"/>
              <a:gd name="connsiteY4" fmla="*/ 5325110 h 5353474"/>
              <a:gd name="connsiteX5" fmla="*/ 0 w 3867150"/>
              <a:gd name="connsiteY5" fmla="*/ 5312410 h 5353474"/>
              <a:gd name="connsiteX6" fmla="*/ 12700 w 3867150"/>
              <a:gd name="connsiteY6" fmla="*/ 348982 h 5353474"/>
              <a:gd name="connsiteX0" fmla="*/ 12700 w 3867150"/>
              <a:gd name="connsiteY0" fmla="*/ 348982 h 5340388"/>
              <a:gd name="connsiteX1" fmla="*/ 361682 w 3867150"/>
              <a:gd name="connsiteY1" fmla="*/ 0 h 5340388"/>
              <a:gd name="connsiteX2" fmla="*/ 3518168 w 3867150"/>
              <a:gd name="connsiteY2" fmla="*/ 0 h 5340388"/>
              <a:gd name="connsiteX3" fmla="*/ 3867150 w 3867150"/>
              <a:gd name="connsiteY3" fmla="*/ 348982 h 5340388"/>
              <a:gd name="connsiteX4" fmla="*/ 3860800 w 3867150"/>
              <a:gd name="connsiteY4" fmla="*/ 5325110 h 5340388"/>
              <a:gd name="connsiteX5" fmla="*/ 0 w 3867150"/>
              <a:gd name="connsiteY5" fmla="*/ 5312410 h 5340388"/>
              <a:gd name="connsiteX6" fmla="*/ 12700 w 3867150"/>
              <a:gd name="connsiteY6" fmla="*/ 348982 h 5340388"/>
              <a:gd name="connsiteX0" fmla="*/ 12700 w 3867150"/>
              <a:gd name="connsiteY0" fmla="*/ 348982 h 5325110"/>
              <a:gd name="connsiteX1" fmla="*/ 361682 w 3867150"/>
              <a:gd name="connsiteY1" fmla="*/ 0 h 5325110"/>
              <a:gd name="connsiteX2" fmla="*/ 3518168 w 3867150"/>
              <a:gd name="connsiteY2" fmla="*/ 0 h 5325110"/>
              <a:gd name="connsiteX3" fmla="*/ 3867150 w 3867150"/>
              <a:gd name="connsiteY3" fmla="*/ 348982 h 5325110"/>
              <a:gd name="connsiteX4" fmla="*/ 3860800 w 3867150"/>
              <a:gd name="connsiteY4" fmla="*/ 5325110 h 5325110"/>
              <a:gd name="connsiteX5" fmla="*/ 0 w 3867150"/>
              <a:gd name="connsiteY5" fmla="*/ 5312410 h 5325110"/>
              <a:gd name="connsiteX6" fmla="*/ 12700 w 3867150"/>
              <a:gd name="connsiteY6" fmla="*/ 348982 h 5325110"/>
              <a:gd name="connsiteX0" fmla="*/ 12700 w 3867150"/>
              <a:gd name="connsiteY0" fmla="*/ 348982 h 5325110"/>
              <a:gd name="connsiteX1" fmla="*/ 361682 w 3867150"/>
              <a:gd name="connsiteY1" fmla="*/ 0 h 5325110"/>
              <a:gd name="connsiteX2" fmla="*/ 3518168 w 3867150"/>
              <a:gd name="connsiteY2" fmla="*/ 0 h 5325110"/>
              <a:gd name="connsiteX3" fmla="*/ 3867150 w 3867150"/>
              <a:gd name="connsiteY3" fmla="*/ 348982 h 5325110"/>
              <a:gd name="connsiteX4" fmla="*/ 3860800 w 3867150"/>
              <a:gd name="connsiteY4" fmla="*/ 5325110 h 5325110"/>
              <a:gd name="connsiteX5" fmla="*/ 0 w 3867150"/>
              <a:gd name="connsiteY5" fmla="*/ 5325110 h 5325110"/>
              <a:gd name="connsiteX6" fmla="*/ 12700 w 3867150"/>
              <a:gd name="connsiteY6" fmla="*/ 348982 h 532511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867150" h="5325110">
                <a:moveTo>
                  <a:pt x="12700" y="348982"/>
                </a:moveTo>
                <a:cubicBezTo>
                  <a:pt x="12700" y="156245"/>
                  <a:pt x="168945" y="0"/>
                  <a:pt x="361682" y="0"/>
                </a:cubicBezTo>
                <a:lnTo>
                  <a:pt x="3518168" y="0"/>
                </a:lnTo>
                <a:cubicBezTo>
                  <a:pt x="3710905" y="0"/>
                  <a:pt x="3867150" y="156245"/>
                  <a:pt x="3867150" y="348982"/>
                </a:cubicBezTo>
                <a:cubicBezTo>
                  <a:pt x="3865033" y="2007691"/>
                  <a:pt x="3862917" y="3666401"/>
                  <a:pt x="3860800" y="5325110"/>
                </a:cubicBezTo>
                <a:cubicBezTo>
                  <a:pt x="3851275" y="5324731"/>
                  <a:pt x="6350" y="5303565"/>
                  <a:pt x="0" y="5325110"/>
                </a:cubicBezTo>
                <a:cubicBezTo>
                  <a:pt x="4233" y="3674867"/>
                  <a:pt x="8467" y="1999225"/>
                  <a:pt x="12700" y="348982"/>
                </a:cubicBezTo>
                <a:close/>
              </a:path>
            </a:pathLst>
          </a:custGeom>
          <a:solidFill>
            <a:schemeClr val="tx1"/>
          </a:solidFill>
        </p:spPr>
        <p:txBody>
          <a:bodyPr lIns="216000" tIns="216000">
            <a:normAutofit/>
          </a:bodyPr>
          <a:lstStyle>
            <a:lvl1pPr marL="0" marR="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lang="fr-FR" sz="28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3397158870"/>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userDrawn="1">
  <p:cSld name="iPad Pro">
    <p:spTree>
      <p:nvGrpSpPr>
        <p:cNvPr id="1" name=""/>
        <p:cNvGrpSpPr/>
        <p:nvPr/>
      </p:nvGrpSpPr>
      <p:grpSpPr>
        <a:xfrm>
          <a:off x="0" y="0"/>
          <a:ext cx="0" cy="0"/>
          <a:chOff x="0" y="0"/>
          <a:chExt cx="0" cy="0"/>
        </a:xfrm>
      </p:grpSpPr>
      <p:sp>
        <p:nvSpPr>
          <p:cNvPr id="7" name="Picture Placeholder 4">
            <a:extLst>
              <a:ext uri="{FF2B5EF4-FFF2-40B4-BE49-F238E27FC236}">
                <a16:creationId xmlns:a16="http://schemas.microsoft.com/office/drawing/2014/main" id="{CA23F7C5-F348-47D4-9C59-49AD0BB71814}"/>
              </a:ext>
            </a:extLst>
          </p:cNvPr>
          <p:cNvSpPr>
            <a:spLocks noGrp="1"/>
          </p:cNvSpPr>
          <p:nvPr>
            <p:ph type="pic" sz="quarter" idx="10" hasCustomPrompt="1"/>
          </p:nvPr>
        </p:nvSpPr>
        <p:spPr>
          <a:xfrm>
            <a:off x="2090681" y="1257485"/>
            <a:ext cx="3270364" cy="4346840"/>
          </a:xfrm>
          <a:prstGeom prst="rect">
            <a:avLst/>
          </a:prstGeom>
          <a:solidFill>
            <a:schemeClr val="tx1"/>
          </a:solidFill>
        </p:spPr>
        <p:txBody>
          <a:bodyPr lIns="216000" tIns="216000">
            <a:normAutofit/>
          </a:bodyPr>
          <a:lstStyle>
            <a:lvl1pPr marL="0" marR="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lang="fr-FR" sz="28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300779440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iMac">
    <p:spTree>
      <p:nvGrpSpPr>
        <p:cNvPr id="1" name=""/>
        <p:cNvGrpSpPr/>
        <p:nvPr/>
      </p:nvGrpSpPr>
      <p:grpSpPr>
        <a:xfrm>
          <a:off x="0" y="0"/>
          <a:ext cx="0" cy="0"/>
          <a:chOff x="0" y="0"/>
          <a:chExt cx="0" cy="0"/>
        </a:xfrm>
      </p:grpSpPr>
      <p:sp>
        <p:nvSpPr>
          <p:cNvPr id="12" name="Picture Placeholder 4">
            <a:extLst>
              <a:ext uri="{FF2B5EF4-FFF2-40B4-BE49-F238E27FC236}">
                <a16:creationId xmlns:a16="http://schemas.microsoft.com/office/drawing/2014/main" id="{FD0C9DF6-807F-40E6-84C6-BA52193E138C}"/>
              </a:ext>
            </a:extLst>
          </p:cNvPr>
          <p:cNvSpPr>
            <a:spLocks noGrp="1"/>
          </p:cNvSpPr>
          <p:nvPr>
            <p:ph type="pic" sz="quarter" idx="10" hasCustomPrompt="1"/>
          </p:nvPr>
        </p:nvSpPr>
        <p:spPr>
          <a:xfrm>
            <a:off x="1205230" y="1558545"/>
            <a:ext cx="4685030" cy="2633471"/>
          </a:xfrm>
          <a:prstGeom prst="rect">
            <a:avLst/>
          </a:prstGeom>
          <a:solidFill>
            <a:schemeClr val="tx1"/>
          </a:solidFill>
        </p:spPr>
        <p:txBody>
          <a:bodyPr lIns="216000" tIns="216000">
            <a:normAutofit/>
          </a:bodyPr>
          <a:lstStyle>
            <a:lvl1pPr marL="0" marR="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lang="fr-FR" sz="28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155346683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TV Sony">
    <p:spTree>
      <p:nvGrpSpPr>
        <p:cNvPr id="1" name=""/>
        <p:cNvGrpSpPr/>
        <p:nvPr/>
      </p:nvGrpSpPr>
      <p:grpSpPr>
        <a:xfrm>
          <a:off x="0" y="0"/>
          <a:ext cx="0" cy="0"/>
          <a:chOff x="0" y="0"/>
          <a:chExt cx="0" cy="0"/>
        </a:xfrm>
      </p:grpSpPr>
      <p:sp>
        <p:nvSpPr>
          <p:cNvPr id="12" name="Picture Placeholder 4">
            <a:extLst>
              <a:ext uri="{FF2B5EF4-FFF2-40B4-BE49-F238E27FC236}">
                <a16:creationId xmlns:a16="http://schemas.microsoft.com/office/drawing/2014/main" id="{FD0C9DF6-807F-40E6-84C6-BA52193E138C}"/>
              </a:ext>
            </a:extLst>
          </p:cNvPr>
          <p:cNvSpPr>
            <a:spLocks noGrp="1"/>
          </p:cNvSpPr>
          <p:nvPr>
            <p:ph type="pic" sz="quarter" idx="10" hasCustomPrompt="1"/>
          </p:nvPr>
        </p:nvSpPr>
        <p:spPr>
          <a:xfrm>
            <a:off x="-352425" y="1114424"/>
            <a:ext cx="7591425" cy="4279107"/>
          </a:xfrm>
          <a:prstGeom prst="rect">
            <a:avLst/>
          </a:prstGeom>
          <a:solidFill>
            <a:schemeClr val="tx1"/>
          </a:solidFill>
        </p:spPr>
        <p:txBody>
          <a:bodyPr lIns="216000" tIns="216000">
            <a:normAutofit/>
          </a:bodyPr>
          <a:lstStyle>
            <a:lvl1pPr marL="0" marR="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lang="fr-FR" sz="28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243205037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userDrawn="1">
  <p:cSld name="Composition Mockups">
    <p:spTree>
      <p:nvGrpSpPr>
        <p:cNvPr id="1" name=""/>
        <p:cNvGrpSpPr/>
        <p:nvPr/>
      </p:nvGrpSpPr>
      <p:grpSpPr>
        <a:xfrm>
          <a:off x="0" y="0"/>
          <a:ext cx="0" cy="0"/>
          <a:chOff x="0" y="0"/>
          <a:chExt cx="0" cy="0"/>
        </a:xfrm>
      </p:grpSpPr>
      <p:sp>
        <p:nvSpPr>
          <p:cNvPr id="10" name="Picture Placeholder 4">
            <a:extLst>
              <a:ext uri="{FF2B5EF4-FFF2-40B4-BE49-F238E27FC236}">
                <a16:creationId xmlns:a16="http://schemas.microsoft.com/office/drawing/2014/main" id="{77071DD5-C8B5-4225-B8DE-07EA5BA539F6}"/>
              </a:ext>
            </a:extLst>
          </p:cNvPr>
          <p:cNvSpPr>
            <a:spLocks noGrp="1"/>
          </p:cNvSpPr>
          <p:nvPr>
            <p:ph type="pic" sz="quarter" idx="10" hasCustomPrompt="1"/>
          </p:nvPr>
        </p:nvSpPr>
        <p:spPr>
          <a:xfrm>
            <a:off x="7227570" y="1966364"/>
            <a:ext cx="5148656" cy="3851506"/>
          </a:xfrm>
          <a:prstGeom prst="rect">
            <a:avLst/>
          </a:prstGeom>
          <a:solidFill>
            <a:schemeClr val="tx1"/>
          </a:solidFill>
        </p:spPr>
        <p:txBody>
          <a:bodyPr lIns="216000" tIns="216000">
            <a:normAutofit/>
          </a:bodyPr>
          <a:lstStyle>
            <a:lvl1pPr marL="0" marR="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lang="fr-FR" sz="28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
        <p:nvSpPr>
          <p:cNvPr id="12" name="Picture Placeholder 2">
            <a:extLst>
              <a:ext uri="{FF2B5EF4-FFF2-40B4-BE49-F238E27FC236}">
                <a16:creationId xmlns:a16="http://schemas.microsoft.com/office/drawing/2014/main" id="{2FFAE08D-92CA-4E3A-9155-D1B40C69A854}"/>
              </a:ext>
            </a:extLst>
          </p:cNvPr>
          <p:cNvSpPr>
            <a:spLocks noGrp="1"/>
          </p:cNvSpPr>
          <p:nvPr>
            <p:ph type="pic" sz="quarter" idx="11" hasCustomPrompt="1"/>
          </p:nvPr>
        </p:nvSpPr>
        <p:spPr>
          <a:xfrm>
            <a:off x="1621155" y="4225803"/>
            <a:ext cx="853013" cy="1058154"/>
          </a:xfrm>
          <a:prstGeom prst="rect">
            <a:avLst/>
          </a:prstGeom>
          <a:solidFill>
            <a:schemeClr val="tx1"/>
          </a:solidFill>
        </p:spPr>
        <p:txBody>
          <a:bodyPr lIns="72000" tIns="324000" rIns="72000" bIns="72000">
            <a:noAutofit/>
          </a:bodyPr>
          <a:lstStyle>
            <a:lvl1pPr marL="0" marR="0" indent="0" algn="l" defTabSz="914400" rtl="0" eaLnBrk="1" fontAlgn="auto" latinLnBrk="0" hangingPunct="1">
              <a:lnSpc>
                <a:spcPct val="70000"/>
              </a:lnSpc>
              <a:spcBef>
                <a:spcPts val="1000"/>
              </a:spcBef>
              <a:spcAft>
                <a:spcPts val="0"/>
              </a:spcAft>
              <a:buClrTx/>
              <a:buSzTx/>
              <a:buFontTx/>
              <a:buNone/>
              <a:tabLst/>
              <a:defRPr lang="fr-FR" sz="1000" kern="1200" dirty="0">
                <a:solidFill>
                  <a:schemeClr val="accent1"/>
                </a:solidFill>
                <a:latin typeface="Segoe UI Semibold" panose="020B0702040204020203" pitchFamily="34" charset="0"/>
                <a:ea typeface="+mn-ea"/>
                <a:cs typeface="Segoe UI Semibold" panose="020B0702040204020203" pitchFamily="34" charset="0"/>
              </a:defRPr>
            </a:lvl1pPr>
          </a:lstStyle>
          <a:p>
            <a:pPr marL="0" marR="0" lvl="0" indent="0" algn="l" defTabSz="914400" rtl="0" eaLnBrk="1" fontAlgn="auto" latinLnBrk="0" hangingPunct="1">
              <a:lnSpc>
                <a:spcPct val="90000"/>
              </a:lnSpc>
              <a:spcBef>
                <a:spcPts val="1000"/>
              </a:spcBef>
              <a:spcAft>
                <a:spcPts val="0"/>
              </a:spcAft>
              <a:buClrTx/>
              <a:buSzTx/>
              <a:buFont typeface="Arial" panose="020B0604020202020204" pitchFamily="34" charset="0"/>
              <a:buNone/>
              <a:tabLst/>
              <a:defRPr/>
            </a:pPr>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
        <p:nvSpPr>
          <p:cNvPr id="14" name="Picture Placeholder 2">
            <a:extLst>
              <a:ext uri="{FF2B5EF4-FFF2-40B4-BE49-F238E27FC236}">
                <a16:creationId xmlns:a16="http://schemas.microsoft.com/office/drawing/2014/main" id="{150A7111-6589-40CE-A556-684125F67275}"/>
              </a:ext>
            </a:extLst>
          </p:cNvPr>
          <p:cNvSpPr>
            <a:spLocks noGrp="1"/>
          </p:cNvSpPr>
          <p:nvPr>
            <p:ph type="pic" sz="quarter" idx="12" hasCustomPrompt="1"/>
          </p:nvPr>
        </p:nvSpPr>
        <p:spPr>
          <a:xfrm>
            <a:off x="3818269" y="2254257"/>
            <a:ext cx="1683544" cy="3658476"/>
          </a:xfrm>
          <a:custGeom>
            <a:avLst/>
            <a:gdLst>
              <a:gd name="connsiteX0" fmla="*/ 0 w 2366010"/>
              <a:gd name="connsiteY0" fmla="*/ 244787 h 5124450"/>
              <a:gd name="connsiteX1" fmla="*/ 244787 w 2366010"/>
              <a:gd name="connsiteY1" fmla="*/ 0 h 5124450"/>
              <a:gd name="connsiteX2" fmla="*/ 2121223 w 2366010"/>
              <a:gd name="connsiteY2" fmla="*/ 0 h 5124450"/>
              <a:gd name="connsiteX3" fmla="*/ 2366010 w 2366010"/>
              <a:gd name="connsiteY3" fmla="*/ 244787 h 5124450"/>
              <a:gd name="connsiteX4" fmla="*/ 2366010 w 2366010"/>
              <a:gd name="connsiteY4" fmla="*/ 4879663 h 5124450"/>
              <a:gd name="connsiteX5" fmla="*/ 2121223 w 2366010"/>
              <a:gd name="connsiteY5" fmla="*/ 5124450 h 5124450"/>
              <a:gd name="connsiteX6" fmla="*/ 244787 w 2366010"/>
              <a:gd name="connsiteY6" fmla="*/ 5124450 h 5124450"/>
              <a:gd name="connsiteX7" fmla="*/ 0 w 2366010"/>
              <a:gd name="connsiteY7" fmla="*/ 4879663 h 5124450"/>
              <a:gd name="connsiteX8" fmla="*/ 0 w 2366010"/>
              <a:gd name="connsiteY8" fmla="*/ 244787 h 5124450"/>
              <a:gd name="connsiteX0" fmla="*/ 0 w 2366010"/>
              <a:gd name="connsiteY0" fmla="*/ 244793 h 5124456"/>
              <a:gd name="connsiteX1" fmla="*/ 244787 w 2366010"/>
              <a:gd name="connsiteY1" fmla="*/ 6 h 5124456"/>
              <a:gd name="connsiteX2" fmla="*/ 659130 w 2366010"/>
              <a:gd name="connsiteY2" fmla="*/ 186696 h 5124456"/>
              <a:gd name="connsiteX3" fmla="*/ 2121223 w 2366010"/>
              <a:gd name="connsiteY3" fmla="*/ 6 h 5124456"/>
              <a:gd name="connsiteX4" fmla="*/ 2366010 w 2366010"/>
              <a:gd name="connsiteY4" fmla="*/ 244793 h 5124456"/>
              <a:gd name="connsiteX5" fmla="*/ 2366010 w 2366010"/>
              <a:gd name="connsiteY5" fmla="*/ 4879669 h 5124456"/>
              <a:gd name="connsiteX6" fmla="*/ 2121223 w 2366010"/>
              <a:gd name="connsiteY6" fmla="*/ 5124456 h 5124456"/>
              <a:gd name="connsiteX7" fmla="*/ 244787 w 2366010"/>
              <a:gd name="connsiteY7" fmla="*/ 5124456 h 5124456"/>
              <a:gd name="connsiteX8" fmla="*/ 0 w 2366010"/>
              <a:gd name="connsiteY8" fmla="*/ 4879669 h 5124456"/>
              <a:gd name="connsiteX9" fmla="*/ 0 w 2366010"/>
              <a:gd name="connsiteY9" fmla="*/ 244793 h 5124456"/>
              <a:gd name="connsiteX0" fmla="*/ 0 w 2366010"/>
              <a:gd name="connsiteY0" fmla="*/ 244794 h 5124457"/>
              <a:gd name="connsiteX1" fmla="*/ 244787 w 2366010"/>
              <a:gd name="connsiteY1" fmla="*/ 7 h 5124457"/>
              <a:gd name="connsiteX2" fmla="*/ 659130 w 2366010"/>
              <a:gd name="connsiteY2" fmla="*/ 186697 h 5124457"/>
              <a:gd name="connsiteX3" fmla="*/ 2121223 w 2366010"/>
              <a:gd name="connsiteY3" fmla="*/ 7 h 5124457"/>
              <a:gd name="connsiteX4" fmla="*/ 2366010 w 2366010"/>
              <a:gd name="connsiteY4" fmla="*/ 244794 h 5124457"/>
              <a:gd name="connsiteX5" fmla="*/ 2366010 w 2366010"/>
              <a:gd name="connsiteY5" fmla="*/ 4879670 h 5124457"/>
              <a:gd name="connsiteX6" fmla="*/ 2121223 w 2366010"/>
              <a:gd name="connsiteY6" fmla="*/ 5124457 h 5124457"/>
              <a:gd name="connsiteX7" fmla="*/ 244787 w 2366010"/>
              <a:gd name="connsiteY7" fmla="*/ 5124457 h 5124457"/>
              <a:gd name="connsiteX8" fmla="*/ 0 w 2366010"/>
              <a:gd name="connsiteY8" fmla="*/ 4879670 h 5124457"/>
              <a:gd name="connsiteX9" fmla="*/ 0 w 2366010"/>
              <a:gd name="connsiteY9" fmla="*/ 244794 h 5124457"/>
              <a:gd name="connsiteX0" fmla="*/ 0 w 2366010"/>
              <a:gd name="connsiteY0" fmla="*/ 253683 h 5133346"/>
              <a:gd name="connsiteX1" fmla="*/ 244787 w 2366010"/>
              <a:gd name="connsiteY1" fmla="*/ 8896 h 5133346"/>
              <a:gd name="connsiteX2" fmla="*/ 502920 w 2366010"/>
              <a:gd name="connsiteY2" fmla="*/ 50807 h 5133346"/>
              <a:gd name="connsiteX3" fmla="*/ 659130 w 2366010"/>
              <a:gd name="connsiteY3" fmla="*/ 195586 h 5133346"/>
              <a:gd name="connsiteX4" fmla="*/ 2121223 w 2366010"/>
              <a:gd name="connsiteY4" fmla="*/ 8896 h 5133346"/>
              <a:gd name="connsiteX5" fmla="*/ 2366010 w 2366010"/>
              <a:gd name="connsiteY5" fmla="*/ 253683 h 5133346"/>
              <a:gd name="connsiteX6" fmla="*/ 2366010 w 2366010"/>
              <a:gd name="connsiteY6" fmla="*/ 4888559 h 5133346"/>
              <a:gd name="connsiteX7" fmla="*/ 2121223 w 2366010"/>
              <a:gd name="connsiteY7" fmla="*/ 5133346 h 5133346"/>
              <a:gd name="connsiteX8" fmla="*/ 244787 w 2366010"/>
              <a:gd name="connsiteY8" fmla="*/ 5133346 h 5133346"/>
              <a:gd name="connsiteX9" fmla="*/ 0 w 2366010"/>
              <a:gd name="connsiteY9" fmla="*/ 4888559 h 5133346"/>
              <a:gd name="connsiteX10" fmla="*/ 0 w 2366010"/>
              <a:gd name="connsiteY10" fmla="*/ 253683 h 5133346"/>
              <a:gd name="connsiteX0" fmla="*/ 0 w 2366010"/>
              <a:gd name="connsiteY0" fmla="*/ 253683 h 5133346"/>
              <a:gd name="connsiteX1" fmla="*/ 244787 w 2366010"/>
              <a:gd name="connsiteY1" fmla="*/ 8896 h 5133346"/>
              <a:gd name="connsiteX2" fmla="*/ 502920 w 2366010"/>
              <a:gd name="connsiteY2" fmla="*/ 50807 h 5133346"/>
              <a:gd name="connsiteX3" fmla="*/ 659130 w 2366010"/>
              <a:gd name="connsiteY3" fmla="*/ 195586 h 5133346"/>
              <a:gd name="connsiteX4" fmla="*/ 2121223 w 2366010"/>
              <a:gd name="connsiteY4" fmla="*/ 8896 h 5133346"/>
              <a:gd name="connsiteX5" fmla="*/ 2366010 w 2366010"/>
              <a:gd name="connsiteY5" fmla="*/ 253683 h 5133346"/>
              <a:gd name="connsiteX6" fmla="*/ 2366010 w 2366010"/>
              <a:gd name="connsiteY6" fmla="*/ 4888559 h 5133346"/>
              <a:gd name="connsiteX7" fmla="*/ 2121223 w 2366010"/>
              <a:gd name="connsiteY7" fmla="*/ 5133346 h 5133346"/>
              <a:gd name="connsiteX8" fmla="*/ 244787 w 2366010"/>
              <a:gd name="connsiteY8" fmla="*/ 5133346 h 5133346"/>
              <a:gd name="connsiteX9" fmla="*/ 0 w 2366010"/>
              <a:gd name="connsiteY9" fmla="*/ 4888559 h 5133346"/>
              <a:gd name="connsiteX10" fmla="*/ 0 w 2366010"/>
              <a:gd name="connsiteY10" fmla="*/ 253683 h 5133346"/>
              <a:gd name="connsiteX0" fmla="*/ 0 w 2366010"/>
              <a:gd name="connsiteY0" fmla="*/ 253683 h 5133346"/>
              <a:gd name="connsiteX1" fmla="*/ 244787 w 2366010"/>
              <a:gd name="connsiteY1" fmla="*/ 8896 h 5133346"/>
              <a:gd name="connsiteX2" fmla="*/ 502920 w 2366010"/>
              <a:gd name="connsiteY2" fmla="*/ 50807 h 5133346"/>
              <a:gd name="connsiteX3" fmla="*/ 735330 w 2366010"/>
              <a:gd name="connsiteY3" fmla="*/ 195586 h 5133346"/>
              <a:gd name="connsiteX4" fmla="*/ 2121223 w 2366010"/>
              <a:gd name="connsiteY4" fmla="*/ 8896 h 5133346"/>
              <a:gd name="connsiteX5" fmla="*/ 2366010 w 2366010"/>
              <a:gd name="connsiteY5" fmla="*/ 253683 h 5133346"/>
              <a:gd name="connsiteX6" fmla="*/ 2366010 w 2366010"/>
              <a:gd name="connsiteY6" fmla="*/ 4888559 h 5133346"/>
              <a:gd name="connsiteX7" fmla="*/ 2121223 w 2366010"/>
              <a:gd name="connsiteY7" fmla="*/ 5133346 h 5133346"/>
              <a:gd name="connsiteX8" fmla="*/ 244787 w 2366010"/>
              <a:gd name="connsiteY8" fmla="*/ 5133346 h 5133346"/>
              <a:gd name="connsiteX9" fmla="*/ 0 w 2366010"/>
              <a:gd name="connsiteY9" fmla="*/ 4888559 h 5133346"/>
              <a:gd name="connsiteX10" fmla="*/ 0 w 2366010"/>
              <a:gd name="connsiteY10" fmla="*/ 253683 h 5133346"/>
              <a:gd name="connsiteX0" fmla="*/ 0 w 2366010"/>
              <a:gd name="connsiteY0" fmla="*/ 259704 h 5139367"/>
              <a:gd name="connsiteX1" fmla="*/ 244787 w 2366010"/>
              <a:gd name="connsiteY1" fmla="*/ 14917 h 5139367"/>
              <a:gd name="connsiteX2" fmla="*/ 499110 w 2366010"/>
              <a:gd name="connsiteY2" fmla="*/ 30158 h 5139367"/>
              <a:gd name="connsiteX3" fmla="*/ 735330 w 2366010"/>
              <a:gd name="connsiteY3" fmla="*/ 201607 h 5139367"/>
              <a:gd name="connsiteX4" fmla="*/ 2121223 w 2366010"/>
              <a:gd name="connsiteY4" fmla="*/ 14917 h 5139367"/>
              <a:gd name="connsiteX5" fmla="*/ 2366010 w 2366010"/>
              <a:gd name="connsiteY5" fmla="*/ 259704 h 5139367"/>
              <a:gd name="connsiteX6" fmla="*/ 2366010 w 2366010"/>
              <a:gd name="connsiteY6" fmla="*/ 4894580 h 5139367"/>
              <a:gd name="connsiteX7" fmla="*/ 2121223 w 2366010"/>
              <a:gd name="connsiteY7" fmla="*/ 5139367 h 5139367"/>
              <a:gd name="connsiteX8" fmla="*/ 244787 w 2366010"/>
              <a:gd name="connsiteY8" fmla="*/ 5139367 h 5139367"/>
              <a:gd name="connsiteX9" fmla="*/ 0 w 2366010"/>
              <a:gd name="connsiteY9" fmla="*/ 4894580 h 5139367"/>
              <a:gd name="connsiteX10" fmla="*/ 0 w 2366010"/>
              <a:gd name="connsiteY10" fmla="*/ 259704 h 5139367"/>
              <a:gd name="connsiteX0" fmla="*/ 0 w 2366010"/>
              <a:gd name="connsiteY0" fmla="*/ 255334 h 5134997"/>
              <a:gd name="connsiteX1" fmla="*/ 244787 w 2366010"/>
              <a:gd name="connsiteY1" fmla="*/ 10547 h 5134997"/>
              <a:gd name="connsiteX2" fmla="*/ 499110 w 2366010"/>
              <a:gd name="connsiteY2" fmla="*/ 25788 h 5134997"/>
              <a:gd name="connsiteX3" fmla="*/ 735330 w 2366010"/>
              <a:gd name="connsiteY3" fmla="*/ 197237 h 5134997"/>
              <a:gd name="connsiteX4" fmla="*/ 2121223 w 2366010"/>
              <a:gd name="connsiteY4" fmla="*/ 10547 h 5134997"/>
              <a:gd name="connsiteX5" fmla="*/ 2366010 w 2366010"/>
              <a:gd name="connsiteY5" fmla="*/ 255334 h 5134997"/>
              <a:gd name="connsiteX6" fmla="*/ 2366010 w 2366010"/>
              <a:gd name="connsiteY6" fmla="*/ 4890210 h 5134997"/>
              <a:gd name="connsiteX7" fmla="*/ 2121223 w 2366010"/>
              <a:gd name="connsiteY7" fmla="*/ 5134997 h 5134997"/>
              <a:gd name="connsiteX8" fmla="*/ 244787 w 2366010"/>
              <a:gd name="connsiteY8" fmla="*/ 5134997 h 5134997"/>
              <a:gd name="connsiteX9" fmla="*/ 0 w 2366010"/>
              <a:gd name="connsiteY9" fmla="*/ 4890210 h 5134997"/>
              <a:gd name="connsiteX10" fmla="*/ 0 w 2366010"/>
              <a:gd name="connsiteY10" fmla="*/ 255334 h 5134997"/>
              <a:gd name="connsiteX0" fmla="*/ 0 w 2366010"/>
              <a:gd name="connsiteY0" fmla="*/ 255334 h 5134997"/>
              <a:gd name="connsiteX1" fmla="*/ 244787 w 2366010"/>
              <a:gd name="connsiteY1" fmla="*/ 10547 h 5134997"/>
              <a:gd name="connsiteX2" fmla="*/ 499110 w 2366010"/>
              <a:gd name="connsiteY2" fmla="*/ 25788 h 5134997"/>
              <a:gd name="connsiteX3" fmla="*/ 731520 w 2366010"/>
              <a:gd name="connsiteY3" fmla="*/ 193427 h 5134997"/>
              <a:gd name="connsiteX4" fmla="*/ 2121223 w 2366010"/>
              <a:gd name="connsiteY4" fmla="*/ 10547 h 5134997"/>
              <a:gd name="connsiteX5" fmla="*/ 2366010 w 2366010"/>
              <a:gd name="connsiteY5" fmla="*/ 255334 h 5134997"/>
              <a:gd name="connsiteX6" fmla="*/ 2366010 w 2366010"/>
              <a:gd name="connsiteY6" fmla="*/ 4890210 h 5134997"/>
              <a:gd name="connsiteX7" fmla="*/ 2121223 w 2366010"/>
              <a:gd name="connsiteY7" fmla="*/ 5134997 h 5134997"/>
              <a:gd name="connsiteX8" fmla="*/ 244787 w 2366010"/>
              <a:gd name="connsiteY8" fmla="*/ 5134997 h 5134997"/>
              <a:gd name="connsiteX9" fmla="*/ 0 w 2366010"/>
              <a:gd name="connsiteY9" fmla="*/ 4890210 h 5134997"/>
              <a:gd name="connsiteX10" fmla="*/ 0 w 2366010"/>
              <a:gd name="connsiteY10" fmla="*/ 255334 h 5134997"/>
              <a:gd name="connsiteX0" fmla="*/ 0 w 2366010"/>
              <a:gd name="connsiteY0" fmla="*/ 258273 h 5137936"/>
              <a:gd name="connsiteX1" fmla="*/ 244787 w 2366010"/>
              <a:gd name="connsiteY1" fmla="*/ 13486 h 5137936"/>
              <a:gd name="connsiteX2" fmla="*/ 510540 w 2366010"/>
              <a:gd name="connsiteY2" fmla="*/ 17297 h 5137936"/>
              <a:gd name="connsiteX3" fmla="*/ 73152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8273 h 5137936"/>
              <a:gd name="connsiteX1" fmla="*/ 244787 w 2366010"/>
              <a:gd name="connsiteY1" fmla="*/ 13486 h 5137936"/>
              <a:gd name="connsiteX2" fmla="*/ 510540 w 2366010"/>
              <a:gd name="connsiteY2" fmla="*/ 17297 h 5137936"/>
              <a:gd name="connsiteX3" fmla="*/ 73152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8273 h 5137936"/>
              <a:gd name="connsiteX1" fmla="*/ 244787 w 2366010"/>
              <a:gd name="connsiteY1" fmla="*/ 13486 h 5137936"/>
              <a:gd name="connsiteX2" fmla="*/ 510540 w 2366010"/>
              <a:gd name="connsiteY2" fmla="*/ 17297 h 5137936"/>
              <a:gd name="connsiteX3" fmla="*/ 73914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8273 h 5137936"/>
              <a:gd name="connsiteX1" fmla="*/ 244787 w 2366010"/>
              <a:gd name="connsiteY1" fmla="*/ 13486 h 5137936"/>
              <a:gd name="connsiteX2" fmla="*/ 510540 w 2366010"/>
              <a:gd name="connsiteY2" fmla="*/ 17297 h 5137936"/>
              <a:gd name="connsiteX3" fmla="*/ 739140 w 2366010"/>
              <a:gd name="connsiteY3" fmla="*/ 196366 h 5137936"/>
              <a:gd name="connsiteX4" fmla="*/ 2121223 w 2366010"/>
              <a:gd name="connsiteY4" fmla="*/ 13486 h 5137936"/>
              <a:gd name="connsiteX5" fmla="*/ 2366010 w 2366010"/>
              <a:gd name="connsiteY5" fmla="*/ 258273 h 5137936"/>
              <a:gd name="connsiteX6" fmla="*/ 2366010 w 2366010"/>
              <a:gd name="connsiteY6" fmla="*/ 4893149 h 5137936"/>
              <a:gd name="connsiteX7" fmla="*/ 2121223 w 2366010"/>
              <a:gd name="connsiteY7" fmla="*/ 5137936 h 5137936"/>
              <a:gd name="connsiteX8" fmla="*/ 244787 w 2366010"/>
              <a:gd name="connsiteY8" fmla="*/ 5137936 h 5137936"/>
              <a:gd name="connsiteX9" fmla="*/ 0 w 2366010"/>
              <a:gd name="connsiteY9" fmla="*/ 4893149 h 5137936"/>
              <a:gd name="connsiteX10" fmla="*/ 0 w 2366010"/>
              <a:gd name="connsiteY10" fmla="*/ 258273 h 5137936"/>
              <a:gd name="connsiteX0" fmla="*/ 0 w 2366010"/>
              <a:gd name="connsiteY0" fmla="*/ 251685 h 5131348"/>
              <a:gd name="connsiteX1" fmla="*/ 244787 w 2366010"/>
              <a:gd name="connsiteY1" fmla="*/ 6898 h 5131348"/>
              <a:gd name="connsiteX2" fmla="*/ 510540 w 2366010"/>
              <a:gd name="connsiteY2" fmla="*/ 10709 h 5131348"/>
              <a:gd name="connsiteX3" fmla="*/ 739140 w 2366010"/>
              <a:gd name="connsiteY3" fmla="*/ 189778 h 5131348"/>
              <a:gd name="connsiteX4" fmla="*/ 2121223 w 2366010"/>
              <a:gd name="connsiteY4" fmla="*/ 6898 h 5131348"/>
              <a:gd name="connsiteX5" fmla="*/ 2366010 w 2366010"/>
              <a:gd name="connsiteY5" fmla="*/ 251685 h 5131348"/>
              <a:gd name="connsiteX6" fmla="*/ 2366010 w 2366010"/>
              <a:gd name="connsiteY6" fmla="*/ 4886561 h 5131348"/>
              <a:gd name="connsiteX7" fmla="*/ 2121223 w 2366010"/>
              <a:gd name="connsiteY7" fmla="*/ 5131348 h 5131348"/>
              <a:gd name="connsiteX8" fmla="*/ 244787 w 2366010"/>
              <a:gd name="connsiteY8" fmla="*/ 5131348 h 5131348"/>
              <a:gd name="connsiteX9" fmla="*/ 0 w 2366010"/>
              <a:gd name="connsiteY9" fmla="*/ 4886561 h 5131348"/>
              <a:gd name="connsiteX10" fmla="*/ 0 w 2366010"/>
              <a:gd name="connsiteY10" fmla="*/ 251685 h 5131348"/>
              <a:gd name="connsiteX0" fmla="*/ 0 w 2366010"/>
              <a:gd name="connsiteY0" fmla="*/ 251685 h 5131348"/>
              <a:gd name="connsiteX1" fmla="*/ 244787 w 2366010"/>
              <a:gd name="connsiteY1" fmla="*/ 6898 h 5131348"/>
              <a:gd name="connsiteX2" fmla="*/ 510540 w 2366010"/>
              <a:gd name="connsiteY2" fmla="*/ 10709 h 5131348"/>
              <a:gd name="connsiteX3" fmla="*/ 727710 w 2366010"/>
              <a:gd name="connsiteY3" fmla="*/ 189778 h 5131348"/>
              <a:gd name="connsiteX4" fmla="*/ 2121223 w 2366010"/>
              <a:gd name="connsiteY4" fmla="*/ 6898 h 5131348"/>
              <a:gd name="connsiteX5" fmla="*/ 2366010 w 2366010"/>
              <a:gd name="connsiteY5" fmla="*/ 251685 h 5131348"/>
              <a:gd name="connsiteX6" fmla="*/ 2366010 w 2366010"/>
              <a:gd name="connsiteY6" fmla="*/ 4886561 h 5131348"/>
              <a:gd name="connsiteX7" fmla="*/ 2121223 w 2366010"/>
              <a:gd name="connsiteY7" fmla="*/ 5131348 h 5131348"/>
              <a:gd name="connsiteX8" fmla="*/ 244787 w 2366010"/>
              <a:gd name="connsiteY8" fmla="*/ 5131348 h 5131348"/>
              <a:gd name="connsiteX9" fmla="*/ 0 w 2366010"/>
              <a:gd name="connsiteY9" fmla="*/ 4886561 h 5131348"/>
              <a:gd name="connsiteX10" fmla="*/ 0 w 2366010"/>
              <a:gd name="connsiteY10" fmla="*/ 251685 h 5131348"/>
              <a:gd name="connsiteX0" fmla="*/ 0 w 2366010"/>
              <a:gd name="connsiteY0" fmla="*/ 255624 h 5135287"/>
              <a:gd name="connsiteX1" fmla="*/ 244787 w 2366010"/>
              <a:gd name="connsiteY1" fmla="*/ 10837 h 5135287"/>
              <a:gd name="connsiteX2" fmla="*/ 520700 w 2366010"/>
              <a:gd name="connsiteY2" fmla="*/ 7028 h 5135287"/>
              <a:gd name="connsiteX3" fmla="*/ 727710 w 2366010"/>
              <a:gd name="connsiteY3" fmla="*/ 193717 h 5135287"/>
              <a:gd name="connsiteX4" fmla="*/ 2121223 w 2366010"/>
              <a:gd name="connsiteY4" fmla="*/ 10837 h 5135287"/>
              <a:gd name="connsiteX5" fmla="*/ 2366010 w 2366010"/>
              <a:gd name="connsiteY5" fmla="*/ 255624 h 5135287"/>
              <a:gd name="connsiteX6" fmla="*/ 2366010 w 2366010"/>
              <a:gd name="connsiteY6" fmla="*/ 4890500 h 5135287"/>
              <a:gd name="connsiteX7" fmla="*/ 2121223 w 2366010"/>
              <a:gd name="connsiteY7" fmla="*/ 5135287 h 5135287"/>
              <a:gd name="connsiteX8" fmla="*/ 244787 w 2366010"/>
              <a:gd name="connsiteY8" fmla="*/ 5135287 h 5135287"/>
              <a:gd name="connsiteX9" fmla="*/ 0 w 2366010"/>
              <a:gd name="connsiteY9" fmla="*/ 4890500 h 5135287"/>
              <a:gd name="connsiteX10" fmla="*/ 0 w 2366010"/>
              <a:gd name="connsiteY10" fmla="*/ 255624 h 5135287"/>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2121223 w 2366010"/>
              <a:gd name="connsiteY4" fmla="*/ 11860 h 5136310"/>
              <a:gd name="connsiteX5" fmla="*/ 2366010 w 2366010"/>
              <a:gd name="connsiteY5" fmla="*/ 256647 h 5136310"/>
              <a:gd name="connsiteX6" fmla="*/ 2366010 w 2366010"/>
              <a:gd name="connsiteY6" fmla="*/ 4891523 h 5136310"/>
              <a:gd name="connsiteX7" fmla="*/ 2121223 w 2366010"/>
              <a:gd name="connsiteY7" fmla="*/ 5136310 h 5136310"/>
              <a:gd name="connsiteX8" fmla="*/ 244787 w 2366010"/>
              <a:gd name="connsiteY8" fmla="*/ 5136310 h 5136310"/>
              <a:gd name="connsiteX9" fmla="*/ 0 w 2366010"/>
              <a:gd name="connsiteY9" fmla="*/ 4891523 h 5136310"/>
              <a:gd name="connsiteX10" fmla="*/ 0 w 2366010"/>
              <a:gd name="connsiteY10"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2121223 w 2366010"/>
              <a:gd name="connsiteY4" fmla="*/ 11860 h 5136310"/>
              <a:gd name="connsiteX5" fmla="*/ 2366010 w 2366010"/>
              <a:gd name="connsiteY5" fmla="*/ 256647 h 5136310"/>
              <a:gd name="connsiteX6" fmla="*/ 2366010 w 2366010"/>
              <a:gd name="connsiteY6" fmla="*/ 4891523 h 5136310"/>
              <a:gd name="connsiteX7" fmla="*/ 2121223 w 2366010"/>
              <a:gd name="connsiteY7" fmla="*/ 5136310 h 5136310"/>
              <a:gd name="connsiteX8" fmla="*/ 244787 w 2366010"/>
              <a:gd name="connsiteY8" fmla="*/ 5136310 h 5136310"/>
              <a:gd name="connsiteX9" fmla="*/ 0 w 2366010"/>
              <a:gd name="connsiteY9" fmla="*/ 4891523 h 5136310"/>
              <a:gd name="connsiteX10" fmla="*/ 0 w 2366010"/>
              <a:gd name="connsiteY10"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2381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2121223 w 2366010"/>
              <a:gd name="connsiteY5" fmla="*/ 11860 h 5136310"/>
              <a:gd name="connsiteX6" fmla="*/ 2366010 w 2366010"/>
              <a:gd name="connsiteY6" fmla="*/ 256647 h 5136310"/>
              <a:gd name="connsiteX7" fmla="*/ 2366010 w 2366010"/>
              <a:gd name="connsiteY7" fmla="*/ 4891523 h 5136310"/>
              <a:gd name="connsiteX8" fmla="*/ 2121223 w 2366010"/>
              <a:gd name="connsiteY8" fmla="*/ 5136310 h 5136310"/>
              <a:gd name="connsiteX9" fmla="*/ 244787 w 2366010"/>
              <a:gd name="connsiteY9" fmla="*/ 5136310 h 5136310"/>
              <a:gd name="connsiteX10" fmla="*/ 0 w 2366010"/>
              <a:gd name="connsiteY10" fmla="*/ 4891523 h 5136310"/>
              <a:gd name="connsiteX11" fmla="*/ 0 w 2366010"/>
              <a:gd name="connsiteY11"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58153 w 2366010"/>
              <a:gd name="connsiteY5" fmla="*/ 13759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65773 w 2366010"/>
              <a:gd name="connsiteY5" fmla="*/ 17823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73393 w 2366010"/>
              <a:gd name="connsiteY5" fmla="*/ 21125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60693 w 2366010"/>
              <a:gd name="connsiteY5" fmla="*/ 18839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6647 h 5136310"/>
              <a:gd name="connsiteX1" fmla="*/ 237167 w 2366010"/>
              <a:gd name="connsiteY1" fmla="*/ 9320 h 5136310"/>
              <a:gd name="connsiteX2" fmla="*/ 520700 w 2366010"/>
              <a:gd name="connsiteY2" fmla="*/ 8051 h 5136310"/>
              <a:gd name="connsiteX3" fmla="*/ 727710 w 2366010"/>
              <a:gd name="connsiteY3" fmla="*/ 194740 h 5136310"/>
              <a:gd name="connsiteX4" fmla="*/ 1364453 w 2366010"/>
              <a:gd name="connsiteY4" fmla="*/ 196013 h 5136310"/>
              <a:gd name="connsiteX5" fmla="*/ 1760693 w 2366010"/>
              <a:gd name="connsiteY5" fmla="*/ 188393 h 5136310"/>
              <a:gd name="connsiteX6" fmla="*/ 2121223 w 2366010"/>
              <a:gd name="connsiteY6" fmla="*/ 11860 h 5136310"/>
              <a:gd name="connsiteX7" fmla="*/ 2366010 w 2366010"/>
              <a:gd name="connsiteY7" fmla="*/ 256647 h 5136310"/>
              <a:gd name="connsiteX8" fmla="*/ 2366010 w 2366010"/>
              <a:gd name="connsiteY8" fmla="*/ 4891523 h 5136310"/>
              <a:gd name="connsiteX9" fmla="*/ 2121223 w 2366010"/>
              <a:gd name="connsiteY9" fmla="*/ 5136310 h 5136310"/>
              <a:gd name="connsiteX10" fmla="*/ 244787 w 2366010"/>
              <a:gd name="connsiteY10" fmla="*/ 5136310 h 5136310"/>
              <a:gd name="connsiteX11" fmla="*/ 0 w 2366010"/>
              <a:gd name="connsiteY11" fmla="*/ 4891523 h 5136310"/>
              <a:gd name="connsiteX12" fmla="*/ 0 w 2366010"/>
              <a:gd name="connsiteY12" fmla="*/ 256647 h 5136310"/>
              <a:gd name="connsiteX0" fmla="*/ 0 w 2366010"/>
              <a:gd name="connsiteY0" fmla="*/ 258231 h 5137894"/>
              <a:gd name="connsiteX1" fmla="*/ 237167 w 2366010"/>
              <a:gd name="connsiteY1" fmla="*/ 10904 h 5137894"/>
              <a:gd name="connsiteX2" fmla="*/ 520700 w 2366010"/>
              <a:gd name="connsiteY2" fmla="*/ 9635 h 5137894"/>
              <a:gd name="connsiteX3" fmla="*/ 727710 w 2366010"/>
              <a:gd name="connsiteY3" fmla="*/ 196324 h 5137894"/>
              <a:gd name="connsiteX4" fmla="*/ 1364453 w 2366010"/>
              <a:gd name="connsiteY4" fmla="*/ 197597 h 5137894"/>
              <a:gd name="connsiteX5" fmla="*/ 1760693 w 2366010"/>
              <a:gd name="connsiteY5" fmla="*/ 189977 h 5137894"/>
              <a:gd name="connsiteX6" fmla="*/ 1877533 w 2366010"/>
              <a:gd name="connsiteY6" fmla="*/ 37577 h 5137894"/>
              <a:gd name="connsiteX7" fmla="*/ 2121223 w 2366010"/>
              <a:gd name="connsiteY7" fmla="*/ 13444 h 5137894"/>
              <a:gd name="connsiteX8" fmla="*/ 2366010 w 2366010"/>
              <a:gd name="connsiteY8" fmla="*/ 258231 h 5137894"/>
              <a:gd name="connsiteX9" fmla="*/ 2366010 w 2366010"/>
              <a:gd name="connsiteY9" fmla="*/ 4893107 h 5137894"/>
              <a:gd name="connsiteX10" fmla="*/ 2121223 w 2366010"/>
              <a:gd name="connsiteY10" fmla="*/ 5137894 h 5137894"/>
              <a:gd name="connsiteX11" fmla="*/ 244787 w 2366010"/>
              <a:gd name="connsiteY11" fmla="*/ 5137894 h 5137894"/>
              <a:gd name="connsiteX12" fmla="*/ 0 w 2366010"/>
              <a:gd name="connsiteY12" fmla="*/ 4893107 h 5137894"/>
              <a:gd name="connsiteX13" fmla="*/ 0 w 2366010"/>
              <a:gd name="connsiteY13" fmla="*/ 258231 h 5137894"/>
              <a:gd name="connsiteX0" fmla="*/ 0 w 2366010"/>
              <a:gd name="connsiteY0" fmla="*/ 258231 h 5137894"/>
              <a:gd name="connsiteX1" fmla="*/ 237167 w 2366010"/>
              <a:gd name="connsiteY1" fmla="*/ 10904 h 5137894"/>
              <a:gd name="connsiteX2" fmla="*/ 520700 w 2366010"/>
              <a:gd name="connsiteY2" fmla="*/ 9635 h 5137894"/>
              <a:gd name="connsiteX3" fmla="*/ 727710 w 2366010"/>
              <a:gd name="connsiteY3" fmla="*/ 196324 h 5137894"/>
              <a:gd name="connsiteX4" fmla="*/ 1364453 w 2366010"/>
              <a:gd name="connsiteY4" fmla="*/ 197597 h 5137894"/>
              <a:gd name="connsiteX5" fmla="*/ 1760693 w 2366010"/>
              <a:gd name="connsiteY5" fmla="*/ 189977 h 5137894"/>
              <a:gd name="connsiteX6" fmla="*/ 1877533 w 2366010"/>
              <a:gd name="connsiteY6" fmla="*/ 37577 h 5137894"/>
              <a:gd name="connsiteX7" fmla="*/ 2121223 w 2366010"/>
              <a:gd name="connsiteY7" fmla="*/ 13444 h 5137894"/>
              <a:gd name="connsiteX8" fmla="*/ 2366010 w 2366010"/>
              <a:gd name="connsiteY8" fmla="*/ 258231 h 5137894"/>
              <a:gd name="connsiteX9" fmla="*/ 2366010 w 2366010"/>
              <a:gd name="connsiteY9" fmla="*/ 4893107 h 5137894"/>
              <a:gd name="connsiteX10" fmla="*/ 2121223 w 2366010"/>
              <a:gd name="connsiteY10" fmla="*/ 5137894 h 5137894"/>
              <a:gd name="connsiteX11" fmla="*/ 244787 w 2366010"/>
              <a:gd name="connsiteY11" fmla="*/ 5137894 h 5137894"/>
              <a:gd name="connsiteX12" fmla="*/ 0 w 2366010"/>
              <a:gd name="connsiteY12" fmla="*/ 4893107 h 5137894"/>
              <a:gd name="connsiteX13" fmla="*/ 0 w 2366010"/>
              <a:gd name="connsiteY13" fmla="*/ 258231 h 5137894"/>
              <a:gd name="connsiteX0" fmla="*/ 0 w 2366010"/>
              <a:gd name="connsiteY0" fmla="*/ 263996 h 5143659"/>
              <a:gd name="connsiteX1" fmla="*/ 237167 w 2366010"/>
              <a:gd name="connsiteY1" fmla="*/ 16669 h 5143659"/>
              <a:gd name="connsiteX2" fmla="*/ 520700 w 2366010"/>
              <a:gd name="connsiteY2" fmla="*/ 15400 h 5143659"/>
              <a:gd name="connsiteX3" fmla="*/ 727710 w 2366010"/>
              <a:gd name="connsiteY3" fmla="*/ 202089 h 5143659"/>
              <a:gd name="connsiteX4" fmla="*/ 1364453 w 2366010"/>
              <a:gd name="connsiteY4" fmla="*/ 203362 h 5143659"/>
              <a:gd name="connsiteX5" fmla="*/ 1760693 w 2366010"/>
              <a:gd name="connsiteY5" fmla="*/ 195742 h 5143659"/>
              <a:gd name="connsiteX6" fmla="*/ 1864833 w 2366010"/>
              <a:gd name="connsiteY6" fmla="*/ 25562 h 5143659"/>
              <a:gd name="connsiteX7" fmla="*/ 2121223 w 2366010"/>
              <a:gd name="connsiteY7" fmla="*/ 19209 h 5143659"/>
              <a:gd name="connsiteX8" fmla="*/ 2366010 w 2366010"/>
              <a:gd name="connsiteY8" fmla="*/ 263996 h 5143659"/>
              <a:gd name="connsiteX9" fmla="*/ 2366010 w 2366010"/>
              <a:gd name="connsiteY9" fmla="*/ 4898872 h 5143659"/>
              <a:gd name="connsiteX10" fmla="*/ 2121223 w 2366010"/>
              <a:gd name="connsiteY10" fmla="*/ 5143659 h 5143659"/>
              <a:gd name="connsiteX11" fmla="*/ 244787 w 2366010"/>
              <a:gd name="connsiteY11" fmla="*/ 5143659 h 5143659"/>
              <a:gd name="connsiteX12" fmla="*/ 0 w 2366010"/>
              <a:gd name="connsiteY12" fmla="*/ 4898872 h 5143659"/>
              <a:gd name="connsiteX13" fmla="*/ 0 w 2366010"/>
              <a:gd name="connsiteY13" fmla="*/ 263996 h 5143659"/>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364453 w 2366010"/>
              <a:gd name="connsiteY4" fmla="*/ 196014 h 5136311"/>
              <a:gd name="connsiteX5" fmla="*/ 1760693 w 2366010"/>
              <a:gd name="connsiteY5" fmla="*/ 188394 h 5136311"/>
              <a:gd name="connsiteX6" fmla="*/ 1864833 w 2366010"/>
              <a:gd name="connsiteY6" fmla="*/ 18214 h 5136311"/>
              <a:gd name="connsiteX7" fmla="*/ 2121223 w 2366010"/>
              <a:gd name="connsiteY7" fmla="*/ 11861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6069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58309 h 5137972"/>
              <a:gd name="connsiteX1" fmla="*/ 237167 w 2366010"/>
              <a:gd name="connsiteY1" fmla="*/ 10982 h 5137972"/>
              <a:gd name="connsiteX2" fmla="*/ 520700 w 2366010"/>
              <a:gd name="connsiteY2" fmla="*/ 9713 h 5137972"/>
              <a:gd name="connsiteX3" fmla="*/ 727710 w 2366010"/>
              <a:gd name="connsiteY3" fmla="*/ 196402 h 5137972"/>
              <a:gd name="connsiteX4" fmla="*/ 1364453 w 2366010"/>
              <a:gd name="connsiteY4" fmla="*/ 197675 h 5137972"/>
              <a:gd name="connsiteX5" fmla="*/ 1753073 w 2366010"/>
              <a:gd name="connsiteY5" fmla="*/ 190055 h 5137972"/>
              <a:gd name="connsiteX6" fmla="*/ 1864833 w 2366010"/>
              <a:gd name="connsiteY6" fmla="*/ 19875 h 5137972"/>
              <a:gd name="connsiteX7" fmla="*/ 2121223 w 2366010"/>
              <a:gd name="connsiteY7" fmla="*/ 13522 h 5137972"/>
              <a:gd name="connsiteX8" fmla="*/ 2366010 w 2366010"/>
              <a:gd name="connsiteY8" fmla="*/ 258309 h 5137972"/>
              <a:gd name="connsiteX9" fmla="*/ 2366010 w 2366010"/>
              <a:gd name="connsiteY9" fmla="*/ 4893185 h 5137972"/>
              <a:gd name="connsiteX10" fmla="*/ 2121223 w 2366010"/>
              <a:gd name="connsiteY10" fmla="*/ 5137972 h 5137972"/>
              <a:gd name="connsiteX11" fmla="*/ 244787 w 2366010"/>
              <a:gd name="connsiteY11" fmla="*/ 5137972 h 5137972"/>
              <a:gd name="connsiteX12" fmla="*/ 0 w 2366010"/>
              <a:gd name="connsiteY12" fmla="*/ 4893185 h 5137972"/>
              <a:gd name="connsiteX13" fmla="*/ 0 w 2366010"/>
              <a:gd name="connsiteY13" fmla="*/ 258309 h 5137972"/>
              <a:gd name="connsiteX0" fmla="*/ 0 w 2366010"/>
              <a:gd name="connsiteY0" fmla="*/ 260632 h 5140295"/>
              <a:gd name="connsiteX1" fmla="*/ 237167 w 2366010"/>
              <a:gd name="connsiteY1" fmla="*/ 13305 h 5140295"/>
              <a:gd name="connsiteX2" fmla="*/ 520700 w 2366010"/>
              <a:gd name="connsiteY2" fmla="*/ 12036 h 5140295"/>
              <a:gd name="connsiteX3" fmla="*/ 727710 w 2366010"/>
              <a:gd name="connsiteY3" fmla="*/ 198725 h 5140295"/>
              <a:gd name="connsiteX4" fmla="*/ 1364453 w 2366010"/>
              <a:gd name="connsiteY4" fmla="*/ 199998 h 5140295"/>
              <a:gd name="connsiteX5" fmla="*/ 1753073 w 2366010"/>
              <a:gd name="connsiteY5" fmla="*/ 192378 h 5140295"/>
              <a:gd name="connsiteX6" fmla="*/ 1857213 w 2366010"/>
              <a:gd name="connsiteY6" fmla="*/ 14578 h 5140295"/>
              <a:gd name="connsiteX7" fmla="*/ 2121223 w 2366010"/>
              <a:gd name="connsiteY7" fmla="*/ 15845 h 5140295"/>
              <a:gd name="connsiteX8" fmla="*/ 2366010 w 2366010"/>
              <a:gd name="connsiteY8" fmla="*/ 260632 h 5140295"/>
              <a:gd name="connsiteX9" fmla="*/ 2366010 w 2366010"/>
              <a:gd name="connsiteY9" fmla="*/ 4895508 h 5140295"/>
              <a:gd name="connsiteX10" fmla="*/ 2121223 w 2366010"/>
              <a:gd name="connsiteY10" fmla="*/ 5140295 h 5140295"/>
              <a:gd name="connsiteX11" fmla="*/ 244787 w 2366010"/>
              <a:gd name="connsiteY11" fmla="*/ 5140295 h 5140295"/>
              <a:gd name="connsiteX12" fmla="*/ 0 w 2366010"/>
              <a:gd name="connsiteY12" fmla="*/ 4895508 h 5140295"/>
              <a:gd name="connsiteX13" fmla="*/ 0 w 2366010"/>
              <a:gd name="connsiteY13" fmla="*/ 260632 h 5140295"/>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3073 w 2366010"/>
              <a:gd name="connsiteY5" fmla="*/ 193915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59044 h 5138707"/>
              <a:gd name="connsiteX1" fmla="*/ 237167 w 2366010"/>
              <a:gd name="connsiteY1" fmla="*/ 11717 h 5138707"/>
              <a:gd name="connsiteX2" fmla="*/ 520700 w 2366010"/>
              <a:gd name="connsiteY2" fmla="*/ 10448 h 5138707"/>
              <a:gd name="connsiteX3" fmla="*/ 727710 w 2366010"/>
              <a:gd name="connsiteY3" fmla="*/ 197137 h 5138707"/>
              <a:gd name="connsiteX4" fmla="*/ 1364453 w 2366010"/>
              <a:gd name="connsiteY4" fmla="*/ 198410 h 5138707"/>
              <a:gd name="connsiteX5" fmla="*/ 1753073 w 2366010"/>
              <a:gd name="connsiteY5" fmla="*/ 190790 h 5138707"/>
              <a:gd name="connsiteX6" fmla="*/ 1857213 w 2366010"/>
              <a:gd name="connsiteY6" fmla="*/ 12990 h 5138707"/>
              <a:gd name="connsiteX7" fmla="*/ 2121223 w 2366010"/>
              <a:gd name="connsiteY7" fmla="*/ 14257 h 5138707"/>
              <a:gd name="connsiteX8" fmla="*/ 2366010 w 2366010"/>
              <a:gd name="connsiteY8" fmla="*/ 259044 h 5138707"/>
              <a:gd name="connsiteX9" fmla="*/ 2366010 w 2366010"/>
              <a:gd name="connsiteY9" fmla="*/ 4893920 h 5138707"/>
              <a:gd name="connsiteX10" fmla="*/ 2121223 w 2366010"/>
              <a:gd name="connsiteY10" fmla="*/ 5138707 h 5138707"/>
              <a:gd name="connsiteX11" fmla="*/ 244787 w 2366010"/>
              <a:gd name="connsiteY11" fmla="*/ 5138707 h 5138707"/>
              <a:gd name="connsiteX12" fmla="*/ 0 w 2366010"/>
              <a:gd name="connsiteY12" fmla="*/ 4893920 h 5138707"/>
              <a:gd name="connsiteX13" fmla="*/ 0 w 2366010"/>
              <a:gd name="connsiteY13" fmla="*/ 259044 h 5138707"/>
              <a:gd name="connsiteX0" fmla="*/ 0 w 2366010"/>
              <a:gd name="connsiteY0" fmla="*/ 259044 h 5138707"/>
              <a:gd name="connsiteX1" fmla="*/ 237167 w 2366010"/>
              <a:gd name="connsiteY1" fmla="*/ 11717 h 5138707"/>
              <a:gd name="connsiteX2" fmla="*/ 520700 w 2366010"/>
              <a:gd name="connsiteY2" fmla="*/ 10448 h 5138707"/>
              <a:gd name="connsiteX3" fmla="*/ 727710 w 2366010"/>
              <a:gd name="connsiteY3" fmla="*/ 197137 h 5138707"/>
              <a:gd name="connsiteX4" fmla="*/ 1364453 w 2366010"/>
              <a:gd name="connsiteY4" fmla="*/ 198410 h 5138707"/>
              <a:gd name="connsiteX5" fmla="*/ 1753073 w 2366010"/>
              <a:gd name="connsiteY5" fmla="*/ 190790 h 5138707"/>
              <a:gd name="connsiteX6" fmla="*/ 1857213 w 2366010"/>
              <a:gd name="connsiteY6" fmla="*/ 12990 h 5138707"/>
              <a:gd name="connsiteX7" fmla="*/ 2121223 w 2366010"/>
              <a:gd name="connsiteY7" fmla="*/ 14257 h 5138707"/>
              <a:gd name="connsiteX8" fmla="*/ 2366010 w 2366010"/>
              <a:gd name="connsiteY8" fmla="*/ 259044 h 5138707"/>
              <a:gd name="connsiteX9" fmla="*/ 2366010 w 2366010"/>
              <a:gd name="connsiteY9" fmla="*/ 4893920 h 5138707"/>
              <a:gd name="connsiteX10" fmla="*/ 2121223 w 2366010"/>
              <a:gd name="connsiteY10" fmla="*/ 5138707 h 5138707"/>
              <a:gd name="connsiteX11" fmla="*/ 244787 w 2366010"/>
              <a:gd name="connsiteY11" fmla="*/ 5138707 h 5138707"/>
              <a:gd name="connsiteX12" fmla="*/ 0 w 2366010"/>
              <a:gd name="connsiteY12" fmla="*/ 4893920 h 5138707"/>
              <a:gd name="connsiteX13" fmla="*/ 0 w 2366010"/>
              <a:gd name="connsiteY13" fmla="*/ 259044 h 5138707"/>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3073 w 2366010"/>
              <a:gd name="connsiteY5" fmla="*/ 193915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5613 w 2366010"/>
              <a:gd name="connsiteY5" fmla="*/ 186299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62169 h 5141832"/>
              <a:gd name="connsiteX1" fmla="*/ 237167 w 2366010"/>
              <a:gd name="connsiteY1" fmla="*/ 14842 h 5141832"/>
              <a:gd name="connsiteX2" fmla="*/ 520700 w 2366010"/>
              <a:gd name="connsiteY2" fmla="*/ 13573 h 5141832"/>
              <a:gd name="connsiteX3" fmla="*/ 727710 w 2366010"/>
              <a:gd name="connsiteY3" fmla="*/ 200262 h 5141832"/>
              <a:gd name="connsiteX4" fmla="*/ 1364453 w 2366010"/>
              <a:gd name="connsiteY4" fmla="*/ 201535 h 5141832"/>
              <a:gd name="connsiteX5" fmla="*/ 1755613 w 2366010"/>
              <a:gd name="connsiteY5" fmla="*/ 186299 h 5141832"/>
              <a:gd name="connsiteX6" fmla="*/ 1857213 w 2366010"/>
              <a:gd name="connsiteY6" fmla="*/ 16115 h 5141832"/>
              <a:gd name="connsiteX7" fmla="*/ 2121223 w 2366010"/>
              <a:gd name="connsiteY7" fmla="*/ 17382 h 5141832"/>
              <a:gd name="connsiteX8" fmla="*/ 2366010 w 2366010"/>
              <a:gd name="connsiteY8" fmla="*/ 262169 h 5141832"/>
              <a:gd name="connsiteX9" fmla="*/ 2366010 w 2366010"/>
              <a:gd name="connsiteY9" fmla="*/ 4897045 h 5141832"/>
              <a:gd name="connsiteX10" fmla="*/ 2121223 w 2366010"/>
              <a:gd name="connsiteY10" fmla="*/ 5141832 h 5141832"/>
              <a:gd name="connsiteX11" fmla="*/ 244787 w 2366010"/>
              <a:gd name="connsiteY11" fmla="*/ 5141832 h 5141832"/>
              <a:gd name="connsiteX12" fmla="*/ 0 w 2366010"/>
              <a:gd name="connsiteY12" fmla="*/ 4897045 h 5141832"/>
              <a:gd name="connsiteX13" fmla="*/ 0 w 2366010"/>
              <a:gd name="connsiteY13" fmla="*/ 262169 h 5141832"/>
              <a:gd name="connsiteX0" fmla="*/ 0 w 2366010"/>
              <a:gd name="connsiteY0" fmla="*/ 261383 h 5141046"/>
              <a:gd name="connsiteX1" fmla="*/ 237167 w 2366010"/>
              <a:gd name="connsiteY1" fmla="*/ 14056 h 5141046"/>
              <a:gd name="connsiteX2" fmla="*/ 520700 w 2366010"/>
              <a:gd name="connsiteY2" fmla="*/ 12787 h 5141046"/>
              <a:gd name="connsiteX3" fmla="*/ 727710 w 2366010"/>
              <a:gd name="connsiteY3" fmla="*/ 199476 h 5141046"/>
              <a:gd name="connsiteX4" fmla="*/ 1364453 w 2366010"/>
              <a:gd name="connsiteY4" fmla="*/ 200749 h 5141046"/>
              <a:gd name="connsiteX5" fmla="*/ 1755613 w 2366010"/>
              <a:gd name="connsiteY5" fmla="*/ 185513 h 5141046"/>
              <a:gd name="connsiteX6" fmla="*/ 1857213 w 2366010"/>
              <a:gd name="connsiteY6" fmla="*/ 15329 h 5141046"/>
              <a:gd name="connsiteX7" fmla="*/ 2121223 w 2366010"/>
              <a:gd name="connsiteY7" fmla="*/ 16596 h 5141046"/>
              <a:gd name="connsiteX8" fmla="*/ 2366010 w 2366010"/>
              <a:gd name="connsiteY8" fmla="*/ 261383 h 5141046"/>
              <a:gd name="connsiteX9" fmla="*/ 2366010 w 2366010"/>
              <a:gd name="connsiteY9" fmla="*/ 4896259 h 5141046"/>
              <a:gd name="connsiteX10" fmla="*/ 2121223 w 2366010"/>
              <a:gd name="connsiteY10" fmla="*/ 5141046 h 5141046"/>
              <a:gd name="connsiteX11" fmla="*/ 244787 w 2366010"/>
              <a:gd name="connsiteY11" fmla="*/ 5141046 h 5141046"/>
              <a:gd name="connsiteX12" fmla="*/ 0 w 2366010"/>
              <a:gd name="connsiteY12" fmla="*/ 4896259 h 5141046"/>
              <a:gd name="connsiteX13" fmla="*/ 0 w 2366010"/>
              <a:gd name="connsiteY13" fmla="*/ 261383 h 5141046"/>
              <a:gd name="connsiteX0" fmla="*/ 0 w 2366010"/>
              <a:gd name="connsiteY0" fmla="*/ 261383 h 5141046"/>
              <a:gd name="connsiteX1" fmla="*/ 237167 w 2366010"/>
              <a:gd name="connsiteY1" fmla="*/ 14056 h 5141046"/>
              <a:gd name="connsiteX2" fmla="*/ 520700 w 2366010"/>
              <a:gd name="connsiteY2" fmla="*/ 12787 h 5141046"/>
              <a:gd name="connsiteX3" fmla="*/ 727710 w 2366010"/>
              <a:gd name="connsiteY3" fmla="*/ 199476 h 5141046"/>
              <a:gd name="connsiteX4" fmla="*/ 1364453 w 2366010"/>
              <a:gd name="connsiteY4" fmla="*/ 200749 h 5141046"/>
              <a:gd name="connsiteX5" fmla="*/ 1755613 w 2366010"/>
              <a:gd name="connsiteY5" fmla="*/ 185513 h 5141046"/>
              <a:gd name="connsiteX6" fmla="*/ 1857213 w 2366010"/>
              <a:gd name="connsiteY6" fmla="*/ 15329 h 5141046"/>
              <a:gd name="connsiteX7" fmla="*/ 2121223 w 2366010"/>
              <a:gd name="connsiteY7" fmla="*/ 16596 h 5141046"/>
              <a:gd name="connsiteX8" fmla="*/ 2366010 w 2366010"/>
              <a:gd name="connsiteY8" fmla="*/ 261383 h 5141046"/>
              <a:gd name="connsiteX9" fmla="*/ 2366010 w 2366010"/>
              <a:gd name="connsiteY9" fmla="*/ 4896259 h 5141046"/>
              <a:gd name="connsiteX10" fmla="*/ 2121223 w 2366010"/>
              <a:gd name="connsiteY10" fmla="*/ 5141046 h 5141046"/>
              <a:gd name="connsiteX11" fmla="*/ 244787 w 2366010"/>
              <a:gd name="connsiteY11" fmla="*/ 5141046 h 5141046"/>
              <a:gd name="connsiteX12" fmla="*/ 0 w 2366010"/>
              <a:gd name="connsiteY12" fmla="*/ 4896259 h 5141046"/>
              <a:gd name="connsiteX13" fmla="*/ 0 w 2366010"/>
              <a:gd name="connsiteY13" fmla="*/ 261383 h 5141046"/>
              <a:gd name="connsiteX0" fmla="*/ 0 w 2366010"/>
              <a:gd name="connsiteY0" fmla="*/ 266517 h 5146180"/>
              <a:gd name="connsiteX1" fmla="*/ 237167 w 2366010"/>
              <a:gd name="connsiteY1" fmla="*/ 19190 h 5146180"/>
              <a:gd name="connsiteX2" fmla="*/ 520700 w 2366010"/>
              <a:gd name="connsiteY2" fmla="*/ 17921 h 5146180"/>
              <a:gd name="connsiteX3" fmla="*/ 727710 w 2366010"/>
              <a:gd name="connsiteY3" fmla="*/ 204610 h 5146180"/>
              <a:gd name="connsiteX4" fmla="*/ 1364453 w 2366010"/>
              <a:gd name="connsiteY4" fmla="*/ 205883 h 5146180"/>
              <a:gd name="connsiteX5" fmla="*/ 1755613 w 2366010"/>
              <a:gd name="connsiteY5" fmla="*/ 190647 h 5146180"/>
              <a:gd name="connsiteX6" fmla="*/ 1857213 w 2366010"/>
              <a:gd name="connsiteY6" fmla="*/ 20463 h 5146180"/>
              <a:gd name="connsiteX7" fmla="*/ 2133923 w 2366010"/>
              <a:gd name="connsiteY7" fmla="*/ 14114 h 5146180"/>
              <a:gd name="connsiteX8" fmla="*/ 2366010 w 2366010"/>
              <a:gd name="connsiteY8" fmla="*/ 266517 h 5146180"/>
              <a:gd name="connsiteX9" fmla="*/ 2366010 w 2366010"/>
              <a:gd name="connsiteY9" fmla="*/ 4901393 h 5146180"/>
              <a:gd name="connsiteX10" fmla="*/ 2121223 w 2366010"/>
              <a:gd name="connsiteY10" fmla="*/ 5146180 h 5146180"/>
              <a:gd name="connsiteX11" fmla="*/ 244787 w 2366010"/>
              <a:gd name="connsiteY11" fmla="*/ 5146180 h 5146180"/>
              <a:gd name="connsiteX12" fmla="*/ 0 w 2366010"/>
              <a:gd name="connsiteY12" fmla="*/ 4901393 h 5146180"/>
              <a:gd name="connsiteX13" fmla="*/ 0 w 2366010"/>
              <a:gd name="connsiteY13" fmla="*/ 266517 h 5146180"/>
              <a:gd name="connsiteX0" fmla="*/ 0 w 2366010"/>
              <a:gd name="connsiteY0" fmla="*/ 266517 h 5146180"/>
              <a:gd name="connsiteX1" fmla="*/ 237167 w 2366010"/>
              <a:gd name="connsiteY1" fmla="*/ 19190 h 5146180"/>
              <a:gd name="connsiteX2" fmla="*/ 520700 w 2366010"/>
              <a:gd name="connsiteY2" fmla="*/ 17921 h 5146180"/>
              <a:gd name="connsiteX3" fmla="*/ 727710 w 2366010"/>
              <a:gd name="connsiteY3" fmla="*/ 204610 h 5146180"/>
              <a:gd name="connsiteX4" fmla="*/ 1364453 w 2366010"/>
              <a:gd name="connsiteY4" fmla="*/ 205883 h 5146180"/>
              <a:gd name="connsiteX5" fmla="*/ 1755613 w 2366010"/>
              <a:gd name="connsiteY5" fmla="*/ 190647 h 5146180"/>
              <a:gd name="connsiteX6" fmla="*/ 1857213 w 2366010"/>
              <a:gd name="connsiteY6" fmla="*/ 20463 h 5146180"/>
              <a:gd name="connsiteX7" fmla="*/ 2133923 w 2366010"/>
              <a:gd name="connsiteY7" fmla="*/ 14114 h 5146180"/>
              <a:gd name="connsiteX8" fmla="*/ 2366010 w 2366010"/>
              <a:gd name="connsiteY8" fmla="*/ 266517 h 5146180"/>
              <a:gd name="connsiteX9" fmla="*/ 2366010 w 2366010"/>
              <a:gd name="connsiteY9" fmla="*/ 4901393 h 5146180"/>
              <a:gd name="connsiteX10" fmla="*/ 2121223 w 2366010"/>
              <a:gd name="connsiteY10" fmla="*/ 5146180 h 5146180"/>
              <a:gd name="connsiteX11" fmla="*/ 244787 w 2366010"/>
              <a:gd name="connsiteY11" fmla="*/ 5146180 h 5146180"/>
              <a:gd name="connsiteX12" fmla="*/ 0 w 2366010"/>
              <a:gd name="connsiteY12" fmla="*/ 4901393 h 5146180"/>
              <a:gd name="connsiteX13" fmla="*/ 0 w 2366010"/>
              <a:gd name="connsiteY13" fmla="*/ 266517 h 5146180"/>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364453 w 2366010"/>
              <a:gd name="connsiteY4" fmla="*/ 207009 h 5147306"/>
              <a:gd name="connsiteX5" fmla="*/ 1755613 w 2366010"/>
              <a:gd name="connsiteY5" fmla="*/ 191773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5613 w 2366010"/>
              <a:gd name="connsiteY5" fmla="*/ 191773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5613 w 2366010"/>
              <a:gd name="connsiteY5" fmla="*/ 191773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3708 w 2366010"/>
              <a:gd name="connsiteY5" fmla="*/ 189869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67643 h 5147306"/>
              <a:gd name="connsiteX1" fmla="*/ 237167 w 2366010"/>
              <a:gd name="connsiteY1" fmla="*/ 20316 h 5147306"/>
              <a:gd name="connsiteX2" fmla="*/ 520700 w 2366010"/>
              <a:gd name="connsiteY2" fmla="*/ 19047 h 5147306"/>
              <a:gd name="connsiteX3" fmla="*/ 727710 w 2366010"/>
              <a:gd name="connsiteY3" fmla="*/ 205736 h 5147306"/>
              <a:gd name="connsiteX4" fmla="*/ 1274918 w 2366010"/>
              <a:gd name="connsiteY4" fmla="*/ 205105 h 5147306"/>
              <a:gd name="connsiteX5" fmla="*/ 1753708 w 2366010"/>
              <a:gd name="connsiteY5" fmla="*/ 189869 h 5147306"/>
              <a:gd name="connsiteX6" fmla="*/ 1857213 w 2366010"/>
              <a:gd name="connsiteY6" fmla="*/ 21589 h 5147306"/>
              <a:gd name="connsiteX7" fmla="*/ 2133923 w 2366010"/>
              <a:gd name="connsiteY7" fmla="*/ 15240 h 5147306"/>
              <a:gd name="connsiteX8" fmla="*/ 2366010 w 2366010"/>
              <a:gd name="connsiteY8" fmla="*/ 267643 h 5147306"/>
              <a:gd name="connsiteX9" fmla="*/ 2366010 w 2366010"/>
              <a:gd name="connsiteY9" fmla="*/ 4902519 h 5147306"/>
              <a:gd name="connsiteX10" fmla="*/ 2121223 w 2366010"/>
              <a:gd name="connsiteY10" fmla="*/ 5147306 h 5147306"/>
              <a:gd name="connsiteX11" fmla="*/ 244787 w 2366010"/>
              <a:gd name="connsiteY11" fmla="*/ 5147306 h 5147306"/>
              <a:gd name="connsiteX12" fmla="*/ 0 w 2366010"/>
              <a:gd name="connsiteY12" fmla="*/ 4902519 h 5147306"/>
              <a:gd name="connsiteX13" fmla="*/ 0 w 2366010"/>
              <a:gd name="connsiteY13" fmla="*/ 267643 h 5147306"/>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6648 h 5136311"/>
              <a:gd name="connsiteX1" fmla="*/ 237167 w 2366010"/>
              <a:gd name="connsiteY1" fmla="*/ 9321 h 5136311"/>
              <a:gd name="connsiteX2" fmla="*/ 520700 w 2366010"/>
              <a:gd name="connsiteY2" fmla="*/ 8052 h 5136311"/>
              <a:gd name="connsiteX3" fmla="*/ 727710 w 2366010"/>
              <a:gd name="connsiteY3" fmla="*/ 194741 h 5136311"/>
              <a:gd name="connsiteX4" fmla="*/ 1274918 w 2366010"/>
              <a:gd name="connsiteY4" fmla="*/ 194110 h 5136311"/>
              <a:gd name="connsiteX5" fmla="*/ 1753708 w 2366010"/>
              <a:gd name="connsiteY5" fmla="*/ 178874 h 5136311"/>
              <a:gd name="connsiteX6" fmla="*/ 1857213 w 2366010"/>
              <a:gd name="connsiteY6" fmla="*/ 10594 h 5136311"/>
              <a:gd name="connsiteX7" fmla="*/ 2133923 w 2366010"/>
              <a:gd name="connsiteY7" fmla="*/ 4245 h 5136311"/>
              <a:gd name="connsiteX8" fmla="*/ 2366010 w 2366010"/>
              <a:gd name="connsiteY8" fmla="*/ 256648 h 5136311"/>
              <a:gd name="connsiteX9" fmla="*/ 2366010 w 2366010"/>
              <a:gd name="connsiteY9" fmla="*/ 4891524 h 5136311"/>
              <a:gd name="connsiteX10" fmla="*/ 2121223 w 2366010"/>
              <a:gd name="connsiteY10" fmla="*/ 5136311 h 5136311"/>
              <a:gd name="connsiteX11" fmla="*/ 244787 w 2366010"/>
              <a:gd name="connsiteY11" fmla="*/ 5136311 h 5136311"/>
              <a:gd name="connsiteX12" fmla="*/ 0 w 2366010"/>
              <a:gd name="connsiteY12" fmla="*/ 4891524 h 5136311"/>
              <a:gd name="connsiteX13" fmla="*/ 0 w 2366010"/>
              <a:gd name="connsiteY13" fmla="*/ 256648 h 5136311"/>
              <a:gd name="connsiteX0" fmla="*/ 0 w 2366010"/>
              <a:gd name="connsiteY0" fmla="*/ 258251 h 5137914"/>
              <a:gd name="connsiteX1" fmla="*/ 237167 w 2366010"/>
              <a:gd name="connsiteY1" fmla="*/ 10924 h 5137914"/>
              <a:gd name="connsiteX2" fmla="*/ 518022 w 2366010"/>
              <a:gd name="connsiteY2" fmla="*/ 6979 h 5137914"/>
              <a:gd name="connsiteX3" fmla="*/ 727710 w 2366010"/>
              <a:gd name="connsiteY3" fmla="*/ 196344 h 5137914"/>
              <a:gd name="connsiteX4" fmla="*/ 1274918 w 2366010"/>
              <a:gd name="connsiteY4" fmla="*/ 195713 h 5137914"/>
              <a:gd name="connsiteX5" fmla="*/ 1753708 w 2366010"/>
              <a:gd name="connsiteY5" fmla="*/ 180477 h 5137914"/>
              <a:gd name="connsiteX6" fmla="*/ 1857213 w 2366010"/>
              <a:gd name="connsiteY6" fmla="*/ 12197 h 5137914"/>
              <a:gd name="connsiteX7" fmla="*/ 2133923 w 2366010"/>
              <a:gd name="connsiteY7" fmla="*/ 5848 h 5137914"/>
              <a:gd name="connsiteX8" fmla="*/ 2366010 w 2366010"/>
              <a:gd name="connsiteY8" fmla="*/ 258251 h 5137914"/>
              <a:gd name="connsiteX9" fmla="*/ 2366010 w 2366010"/>
              <a:gd name="connsiteY9" fmla="*/ 4893127 h 5137914"/>
              <a:gd name="connsiteX10" fmla="*/ 2121223 w 2366010"/>
              <a:gd name="connsiteY10" fmla="*/ 5137914 h 5137914"/>
              <a:gd name="connsiteX11" fmla="*/ 244787 w 2366010"/>
              <a:gd name="connsiteY11" fmla="*/ 5137914 h 5137914"/>
              <a:gd name="connsiteX12" fmla="*/ 0 w 2366010"/>
              <a:gd name="connsiteY12" fmla="*/ 4893127 h 5137914"/>
              <a:gd name="connsiteX13" fmla="*/ 0 w 2366010"/>
              <a:gd name="connsiteY13" fmla="*/ 258251 h 5137914"/>
              <a:gd name="connsiteX0" fmla="*/ 0 w 2366010"/>
              <a:gd name="connsiteY0" fmla="*/ 259323 h 5138986"/>
              <a:gd name="connsiteX1" fmla="*/ 234490 w 2366010"/>
              <a:gd name="connsiteY1" fmla="*/ 9320 h 5138986"/>
              <a:gd name="connsiteX2" fmla="*/ 518022 w 2366010"/>
              <a:gd name="connsiteY2" fmla="*/ 8051 h 5138986"/>
              <a:gd name="connsiteX3" fmla="*/ 727710 w 2366010"/>
              <a:gd name="connsiteY3" fmla="*/ 197416 h 5138986"/>
              <a:gd name="connsiteX4" fmla="*/ 1274918 w 2366010"/>
              <a:gd name="connsiteY4" fmla="*/ 196785 h 5138986"/>
              <a:gd name="connsiteX5" fmla="*/ 1753708 w 2366010"/>
              <a:gd name="connsiteY5" fmla="*/ 181549 h 5138986"/>
              <a:gd name="connsiteX6" fmla="*/ 1857213 w 2366010"/>
              <a:gd name="connsiteY6" fmla="*/ 13269 h 5138986"/>
              <a:gd name="connsiteX7" fmla="*/ 2133923 w 2366010"/>
              <a:gd name="connsiteY7" fmla="*/ 6920 h 5138986"/>
              <a:gd name="connsiteX8" fmla="*/ 2366010 w 2366010"/>
              <a:gd name="connsiteY8" fmla="*/ 259323 h 5138986"/>
              <a:gd name="connsiteX9" fmla="*/ 2366010 w 2366010"/>
              <a:gd name="connsiteY9" fmla="*/ 4894199 h 5138986"/>
              <a:gd name="connsiteX10" fmla="*/ 2121223 w 2366010"/>
              <a:gd name="connsiteY10" fmla="*/ 5138986 h 5138986"/>
              <a:gd name="connsiteX11" fmla="*/ 244787 w 2366010"/>
              <a:gd name="connsiteY11" fmla="*/ 5138986 h 5138986"/>
              <a:gd name="connsiteX12" fmla="*/ 0 w 2366010"/>
              <a:gd name="connsiteY12" fmla="*/ 4894199 h 5138986"/>
              <a:gd name="connsiteX13" fmla="*/ 0 w 2366010"/>
              <a:gd name="connsiteY13" fmla="*/ 259323 h 5138986"/>
              <a:gd name="connsiteX0" fmla="*/ 0 w 2366010"/>
              <a:gd name="connsiteY0" fmla="*/ 259323 h 5138986"/>
              <a:gd name="connsiteX1" fmla="*/ 234490 w 2366010"/>
              <a:gd name="connsiteY1" fmla="*/ 9320 h 5138986"/>
              <a:gd name="connsiteX2" fmla="*/ 518022 w 2366010"/>
              <a:gd name="connsiteY2" fmla="*/ 8051 h 5138986"/>
              <a:gd name="connsiteX3" fmla="*/ 727710 w 2366010"/>
              <a:gd name="connsiteY3" fmla="*/ 197416 h 5138986"/>
              <a:gd name="connsiteX4" fmla="*/ 1274918 w 2366010"/>
              <a:gd name="connsiteY4" fmla="*/ 196785 h 5138986"/>
              <a:gd name="connsiteX5" fmla="*/ 1753708 w 2366010"/>
              <a:gd name="connsiteY5" fmla="*/ 181549 h 5138986"/>
              <a:gd name="connsiteX6" fmla="*/ 1857213 w 2366010"/>
              <a:gd name="connsiteY6" fmla="*/ 13269 h 5138986"/>
              <a:gd name="connsiteX7" fmla="*/ 2133923 w 2366010"/>
              <a:gd name="connsiteY7" fmla="*/ 6920 h 5138986"/>
              <a:gd name="connsiteX8" fmla="*/ 2366010 w 2366010"/>
              <a:gd name="connsiteY8" fmla="*/ 259323 h 5138986"/>
              <a:gd name="connsiteX9" fmla="*/ 2366010 w 2366010"/>
              <a:gd name="connsiteY9" fmla="*/ 4894199 h 5138986"/>
              <a:gd name="connsiteX10" fmla="*/ 2121223 w 2366010"/>
              <a:gd name="connsiteY10" fmla="*/ 5138986 h 5138986"/>
              <a:gd name="connsiteX11" fmla="*/ 244787 w 2366010"/>
              <a:gd name="connsiteY11" fmla="*/ 5138986 h 5138986"/>
              <a:gd name="connsiteX12" fmla="*/ 0 w 2366010"/>
              <a:gd name="connsiteY12" fmla="*/ 4894199 h 5138986"/>
              <a:gd name="connsiteX13" fmla="*/ 0 w 2366010"/>
              <a:gd name="connsiteY13" fmla="*/ 259323 h 5138986"/>
              <a:gd name="connsiteX0" fmla="*/ 0 w 2366010"/>
              <a:gd name="connsiteY0" fmla="*/ 259323 h 5138986"/>
              <a:gd name="connsiteX1" fmla="*/ 234490 w 2366010"/>
              <a:gd name="connsiteY1" fmla="*/ 9320 h 5138986"/>
              <a:gd name="connsiteX2" fmla="*/ 518022 w 2366010"/>
              <a:gd name="connsiteY2" fmla="*/ 8051 h 5138986"/>
              <a:gd name="connsiteX3" fmla="*/ 727710 w 2366010"/>
              <a:gd name="connsiteY3" fmla="*/ 197416 h 5138986"/>
              <a:gd name="connsiteX4" fmla="*/ 1274918 w 2366010"/>
              <a:gd name="connsiteY4" fmla="*/ 196785 h 5138986"/>
              <a:gd name="connsiteX5" fmla="*/ 1753708 w 2366010"/>
              <a:gd name="connsiteY5" fmla="*/ 181549 h 5138986"/>
              <a:gd name="connsiteX6" fmla="*/ 1857213 w 2366010"/>
              <a:gd name="connsiteY6" fmla="*/ 13269 h 5138986"/>
              <a:gd name="connsiteX7" fmla="*/ 2133923 w 2366010"/>
              <a:gd name="connsiteY7" fmla="*/ 6920 h 5138986"/>
              <a:gd name="connsiteX8" fmla="*/ 2366010 w 2366010"/>
              <a:gd name="connsiteY8" fmla="*/ 259323 h 5138986"/>
              <a:gd name="connsiteX9" fmla="*/ 2366010 w 2366010"/>
              <a:gd name="connsiteY9" fmla="*/ 4894199 h 5138986"/>
              <a:gd name="connsiteX10" fmla="*/ 2121223 w 2366010"/>
              <a:gd name="connsiteY10" fmla="*/ 5138986 h 5138986"/>
              <a:gd name="connsiteX11" fmla="*/ 244787 w 2366010"/>
              <a:gd name="connsiteY11" fmla="*/ 5138986 h 5138986"/>
              <a:gd name="connsiteX12" fmla="*/ 0 w 2366010"/>
              <a:gd name="connsiteY12" fmla="*/ 4894199 h 5138986"/>
              <a:gd name="connsiteX13" fmla="*/ 0 w 2366010"/>
              <a:gd name="connsiteY13" fmla="*/ 259323 h 5138986"/>
              <a:gd name="connsiteX0" fmla="*/ 0 w 2366010"/>
              <a:gd name="connsiteY0" fmla="*/ 259323 h 5138986"/>
              <a:gd name="connsiteX1" fmla="*/ 234490 w 2366010"/>
              <a:gd name="connsiteY1" fmla="*/ 9320 h 5138986"/>
              <a:gd name="connsiteX2" fmla="*/ 518022 w 2366010"/>
              <a:gd name="connsiteY2" fmla="*/ 8051 h 5138986"/>
              <a:gd name="connsiteX3" fmla="*/ 727710 w 2366010"/>
              <a:gd name="connsiteY3" fmla="*/ 197416 h 5138986"/>
              <a:gd name="connsiteX4" fmla="*/ 1274918 w 2366010"/>
              <a:gd name="connsiteY4" fmla="*/ 196785 h 5138986"/>
              <a:gd name="connsiteX5" fmla="*/ 1748353 w 2366010"/>
              <a:gd name="connsiteY5" fmla="*/ 181549 h 5138986"/>
              <a:gd name="connsiteX6" fmla="*/ 1857213 w 2366010"/>
              <a:gd name="connsiteY6" fmla="*/ 13269 h 5138986"/>
              <a:gd name="connsiteX7" fmla="*/ 2133923 w 2366010"/>
              <a:gd name="connsiteY7" fmla="*/ 6920 h 5138986"/>
              <a:gd name="connsiteX8" fmla="*/ 2366010 w 2366010"/>
              <a:gd name="connsiteY8" fmla="*/ 259323 h 5138986"/>
              <a:gd name="connsiteX9" fmla="*/ 2366010 w 2366010"/>
              <a:gd name="connsiteY9" fmla="*/ 4894199 h 5138986"/>
              <a:gd name="connsiteX10" fmla="*/ 2121223 w 2366010"/>
              <a:gd name="connsiteY10" fmla="*/ 5138986 h 5138986"/>
              <a:gd name="connsiteX11" fmla="*/ 244787 w 2366010"/>
              <a:gd name="connsiteY11" fmla="*/ 5138986 h 5138986"/>
              <a:gd name="connsiteX12" fmla="*/ 0 w 2366010"/>
              <a:gd name="connsiteY12" fmla="*/ 4894199 h 5138986"/>
              <a:gd name="connsiteX13" fmla="*/ 0 w 2366010"/>
              <a:gd name="connsiteY13" fmla="*/ 259323 h 5138986"/>
              <a:gd name="connsiteX0" fmla="*/ 0 w 2366010"/>
              <a:gd name="connsiteY0" fmla="*/ 259323 h 5138986"/>
              <a:gd name="connsiteX1" fmla="*/ 234490 w 2366010"/>
              <a:gd name="connsiteY1" fmla="*/ 9320 h 5138986"/>
              <a:gd name="connsiteX2" fmla="*/ 518022 w 2366010"/>
              <a:gd name="connsiteY2" fmla="*/ 8051 h 5138986"/>
              <a:gd name="connsiteX3" fmla="*/ 727710 w 2366010"/>
              <a:gd name="connsiteY3" fmla="*/ 197416 h 5138986"/>
              <a:gd name="connsiteX4" fmla="*/ 1274918 w 2366010"/>
              <a:gd name="connsiteY4" fmla="*/ 196785 h 5138986"/>
              <a:gd name="connsiteX5" fmla="*/ 1748353 w 2366010"/>
              <a:gd name="connsiteY5" fmla="*/ 181549 h 5138986"/>
              <a:gd name="connsiteX6" fmla="*/ 1857213 w 2366010"/>
              <a:gd name="connsiteY6" fmla="*/ 13269 h 5138986"/>
              <a:gd name="connsiteX7" fmla="*/ 2133923 w 2366010"/>
              <a:gd name="connsiteY7" fmla="*/ 6920 h 5138986"/>
              <a:gd name="connsiteX8" fmla="*/ 2366010 w 2366010"/>
              <a:gd name="connsiteY8" fmla="*/ 259323 h 5138986"/>
              <a:gd name="connsiteX9" fmla="*/ 2366010 w 2366010"/>
              <a:gd name="connsiteY9" fmla="*/ 4894199 h 5138986"/>
              <a:gd name="connsiteX10" fmla="*/ 2121223 w 2366010"/>
              <a:gd name="connsiteY10" fmla="*/ 5138986 h 5138986"/>
              <a:gd name="connsiteX11" fmla="*/ 244787 w 2366010"/>
              <a:gd name="connsiteY11" fmla="*/ 5138986 h 5138986"/>
              <a:gd name="connsiteX12" fmla="*/ 0 w 2366010"/>
              <a:gd name="connsiteY12" fmla="*/ 4894199 h 5138986"/>
              <a:gd name="connsiteX13" fmla="*/ 0 w 2366010"/>
              <a:gd name="connsiteY13" fmla="*/ 259323 h 5138986"/>
              <a:gd name="connsiteX0" fmla="*/ 0 w 2366010"/>
              <a:gd name="connsiteY0" fmla="*/ 259323 h 5138986"/>
              <a:gd name="connsiteX1" fmla="*/ 234490 w 2366010"/>
              <a:gd name="connsiteY1" fmla="*/ 9320 h 5138986"/>
              <a:gd name="connsiteX2" fmla="*/ 518022 w 2366010"/>
              <a:gd name="connsiteY2" fmla="*/ 8051 h 5138986"/>
              <a:gd name="connsiteX3" fmla="*/ 727710 w 2366010"/>
              <a:gd name="connsiteY3" fmla="*/ 197416 h 5138986"/>
              <a:gd name="connsiteX4" fmla="*/ 1274918 w 2366010"/>
              <a:gd name="connsiteY4" fmla="*/ 196785 h 5138986"/>
              <a:gd name="connsiteX5" fmla="*/ 1748353 w 2366010"/>
              <a:gd name="connsiteY5" fmla="*/ 181549 h 5138986"/>
              <a:gd name="connsiteX6" fmla="*/ 1857213 w 2366010"/>
              <a:gd name="connsiteY6" fmla="*/ 13269 h 5138986"/>
              <a:gd name="connsiteX7" fmla="*/ 2133923 w 2366010"/>
              <a:gd name="connsiteY7" fmla="*/ 6920 h 5138986"/>
              <a:gd name="connsiteX8" fmla="*/ 2366010 w 2366010"/>
              <a:gd name="connsiteY8" fmla="*/ 259323 h 5138986"/>
              <a:gd name="connsiteX9" fmla="*/ 2366010 w 2366010"/>
              <a:gd name="connsiteY9" fmla="*/ 4894199 h 5138986"/>
              <a:gd name="connsiteX10" fmla="*/ 2121223 w 2366010"/>
              <a:gd name="connsiteY10" fmla="*/ 5138986 h 5138986"/>
              <a:gd name="connsiteX11" fmla="*/ 244787 w 2366010"/>
              <a:gd name="connsiteY11" fmla="*/ 5138986 h 5138986"/>
              <a:gd name="connsiteX12" fmla="*/ 0 w 2366010"/>
              <a:gd name="connsiteY12" fmla="*/ 4894199 h 5138986"/>
              <a:gd name="connsiteX13" fmla="*/ 0 w 2366010"/>
              <a:gd name="connsiteY13" fmla="*/ 259323 h 5138986"/>
              <a:gd name="connsiteX0" fmla="*/ 0 w 2366010"/>
              <a:gd name="connsiteY0" fmla="*/ 259323 h 5138986"/>
              <a:gd name="connsiteX1" fmla="*/ 234490 w 2366010"/>
              <a:gd name="connsiteY1" fmla="*/ 9320 h 5138986"/>
              <a:gd name="connsiteX2" fmla="*/ 518022 w 2366010"/>
              <a:gd name="connsiteY2" fmla="*/ 8051 h 5138986"/>
              <a:gd name="connsiteX3" fmla="*/ 727710 w 2366010"/>
              <a:gd name="connsiteY3" fmla="*/ 197416 h 5138986"/>
              <a:gd name="connsiteX4" fmla="*/ 1274918 w 2366010"/>
              <a:gd name="connsiteY4" fmla="*/ 196785 h 5138986"/>
              <a:gd name="connsiteX5" fmla="*/ 1748353 w 2366010"/>
              <a:gd name="connsiteY5" fmla="*/ 181549 h 5138986"/>
              <a:gd name="connsiteX6" fmla="*/ 1857213 w 2366010"/>
              <a:gd name="connsiteY6" fmla="*/ 13269 h 5138986"/>
              <a:gd name="connsiteX7" fmla="*/ 2133923 w 2366010"/>
              <a:gd name="connsiteY7" fmla="*/ 6920 h 5138986"/>
              <a:gd name="connsiteX8" fmla="*/ 2366010 w 2366010"/>
              <a:gd name="connsiteY8" fmla="*/ 259323 h 5138986"/>
              <a:gd name="connsiteX9" fmla="*/ 2366010 w 2366010"/>
              <a:gd name="connsiteY9" fmla="*/ 4894199 h 5138986"/>
              <a:gd name="connsiteX10" fmla="*/ 2121223 w 2366010"/>
              <a:gd name="connsiteY10" fmla="*/ 5138986 h 5138986"/>
              <a:gd name="connsiteX11" fmla="*/ 244787 w 2366010"/>
              <a:gd name="connsiteY11" fmla="*/ 5138986 h 5138986"/>
              <a:gd name="connsiteX12" fmla="*/ 0 w 2366010"/>
              <a:gd name="connsiteY12" fmla="*/ 4894199 h 5138986"/>
              <a:gd name="connsiteX13" fmla="*/ 0 w 2366010"/>
              <a:gd name="connsiteY13" fmla="*/ 259323 h 5138986"/>
              <a:gd name="connsiteX0" fmla="*/ 0 w 2366010"/>
              <a:gd name="connsiteY0" fmla="*/ 259323 h 5138986"/>
              <a:gd name="connsiteX1" fmla="*/ 234490 w 2366010"/>
              <a:gd name="connsiteY1" fmla="*/ 9320 h 5138986"/>
              <a:gd name="connsiteX2" fmla="*/ 518022 w 2366010"/>
              <a:gd name="connsiteY2" fmla="*/ 8051 h 5138986"/>
              <a:gd name="connsiteX3" fmla="*/ 727710 w 2366010"/>
              <a:gd name="connsiteY3" fmla="*/ 197416 h 5138986"/>
              <a:gd name="connsiteX4" fmla="*/ 1274918 w 2366010"/>
              <a:gd name="connsiteY4" fmla="*/ 196785 h 5138986"/>
              <a:gd name="connsiteX5" fmla="*/ 1748353 w 2366010"/>
              <a:gd name="connsiteY5" fmla="*/ 181549 h 5138986"/>
              <a:gd name="connsiteX6" fmla="*/ 1857213 w 2366010"/>
              <a:gd name="connsiteY6" fmla="*/ 13269 h 5138986"/>
              <a:gd name="connsiteX7" fmla="*/ 2133923 w 2366010"/>
              <a:gd name="connsiteY7" fmla="*/ 6920 h 5138986"/>
              <a:gd name="connsiteX8" fmla="*/ 2366010 w 2366010"/>
              <a:gd name="connsiteY8" fmla="*/ 259323 h 5138986"/>
              <a:gd name="connsiteX9" fmla="*/ 2366010 w 2366010"/>
              <a:gd name="connsiteY9" fmla="*/ 4894199 h 5138986"/>
              <a:gd name="connsiteX10" fmla="*/ 2121223 w 2366010"/>
              <a:gd name="connsiteY10" fmla="*/ 5138986 h 5138986"/>
              <a:gd name="connsiteX11" fmla="*/ 244787 w 2366010"/>
              <a:gd name="connsiteY11" fmla="*/ 5138986 h 5138986"/>
              <a:gd name="connsiteX12" fmla="*/ 0 w 2366010"/>
              <a:gd name="connsiteY12" fmla="*/ 4894199 h 5138986"/>
              <a:gd name="connsiteX13" fmla="*/ 0 w 2366010"/>
              <a:gd name="connsiteY13" fmla="*/ 259323 h 51389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2366010" h="5138986">
                <a:moveTo>
                  <a:pt x="0" y="259323"/>
                </a:moveTo>
                <a:cubicBezTo>
                  <a:pt x="0" y="124131"/>
                  <a:pt x="99298" y="14400"/>
                  <a:pt x="234490" y="9320"/>
                </a:cubicBezTo>
                <a:cubicBezTo>
                  <a:pt x="330375" y="-1633"/>
                  <a:pt x="441345" y="-4014"/>
                  <a:pt x="518022" y="8051"/>
                </a:cubicBezTo>
                <a:cubicBezTo>
                  <a:pt x="568029" y="42976"/>
                  <a:pt x="608553" y="191263"/>
                  <a:pt x="727710" y="197416"/>
                </a:cubicBezTo>
                <a:cubicBezTo>
                  <a:pt x="883276" y="205449"/>
                  <a:pt x="1056621" y="196753"/>
                  <a:pt x="1274918" y="196785"/>
                </a:cubicBezTo>
                <a:cubicBezTo>
                  <a:pt x="1493215" y="196817"/>
                  <a:pt x="1691464" y="206784"/>
                  <a:pt x="1748353" y="181549"/>
                </a:cubicBezTo>
                <a:cubicBezTo>
                  <a:pt x="1805242" y="156314"/>
                  <a:pt x="1797125" y="40150"/>
                  <a:pt x="1857213" y="13269"/>
                </a:cubicBezTo>
                <a:cubicBezTo>
                  <a:pt x="1896981" y="1626"/>
                  <a:pt x="2008907" y="3363"/>
                  <a:pt x="2133923" y="6920"/>
                </a:cubicBezTo>
                <a:cubicBezTo>
                  <a:pt x="2258939" y="10477"/>
                  <a:pt x="2366010" y="124131"/>
                  <a:pt x="2366010" y="259323"/>
                </a:cubicBezTo>
                <a:lnTo>
                  <a:pt x="2366010" y="4894199"/>
                </a:lnTo>
                <a:cubicBezTo>
                  <a:pt x="2366010" y="5029391"/>
                  <a:pt x="2256415" y="5138986"/>
                  <a:pt x="2121223" y="5138986"/>
                </a:cubicBezTo>
                <a:lnTo>
                  <a:pt x="244787" y="5138986"/>
                </a:lnTo>
                <a:cubicBezTo>
                  <a:pt x="109595" y="5138986"/>
                  <a:pt x="0" y="5029391"/>
                  <a:pt x="0" y="4894199"/>
                </a:cubicBezTo>
                <a:lnTo>
                  <a:pt x="0" y="259323"/>
                </a:lnTo>
                <a:close/>
              </a:path>
            </a:pathLst>
          </a:custGeom>
          <a:solidFill>
            <a:schemeClr val="tx1"/>
          </a:solidFill>
        </p:spPr>
        <p:txBody>
          <a:bodyPr lIns="252000" tIns="360000" bIns="90000" anchor="t">
            <a:normAutofit/>
          </a:bodyPr>
          <a:lstStyle>
            <a:lvl1pPr marL="0" indent="0" algn="l">
              <a:buNone/>
              <a:defRPr lang="fr-FR" sz="2400" kern="1200" dirty="0">
                <a:solidFill>
                  <a:schemeClr val="accent1"/>
                </a:solidFill>
                <a:latin typeface="Segoe UI Semibold" panose="020B0702040204020203" pitchFamily="34" charset="0"/>
                <a:ea typeface="+mn-ea"/>
                <a:cs typeface="Segoe UI Semibold" panose="020B0702040204020203" pitchFamily="34" charset="0"/>
              </a:defRPr>
            </a:lvl1pPr>
          </a:lstStyle>
          <a:p>
            <a:r>
              <a:rPr lang="fr-FR" dirty="0"/>
              <a:t>Click </a:t>
            </a:r>
            <a:br>
              <a:rPr lang="fr-FR" dirty="0"/>
            </a:br>
            <a:r>
              <a:rPr lang="fr-FR" dirty="0"/>
              <a:t>to </a:t>
            </a:r>
            <a:r>
              <a:rPr lang="fr-FR" dirty="0" err="1"/>
              <a:t>add</a:t>
            </a:r>
            <a:r>
              <a:rPr lang="fr-FR" dirty="0"/>
              <a:t> </a:t>
            </a:r>
            <a:br>
              <a:rPr lang="fr-FR" dirty="0"/>
            </a:br>
            <a:r>
              <a:rPr lang="fr-FR" dirty="0"/>
              <a:t>a </a:t>
            </a:r>
            <a:r>
              <a:rPr lang="fr-FR" dirty="0" err="1"/>
              <a:t>picture</a:t>
            </a:r>
            <a:endParaRPr lang="fr-FR" dirty="0"/>
          </a:p>
        </p:txBody>
      </p:sp>
    </p:spTree>
    <p:extLst>
      <p:ext uri="{BB962C8B-B14F-4D97-AF65-F5344CB8AC3E}">
        <p14:creationId xmlns:p14="http://schemas.microsoft.com/office/powerpoint/2010/main" val="600980416"/>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Pictures - 6 Collage">
    <p:bg>
      <p:bgPr>
        <a:solidFill>
          <a:srgbClr val="F7F7F7"/>
        </a:solidFill>
        <a:effectLst/>
      </p:bgPr>
    </p:bg>
    <p:spTree>
      <p:nvGrpSpPr>
        <p:cNvPr id="1" name=""/>
        <p:cNvGrpSpPr/>
        <p:nvPr/>
      </p:nvGrpSpPr>
      <p:grpSpPr>
        <a:xfrm>
          <a:off x="0" y="0"/>
          <a:ext cx="0" cy="0"/>
          <a:chOff x="0" y="0"/>
          <a:chExt cx="0" cy="0"/>
        </a:xfrm>
      </p:grpSpPr>
      <p:sp>
        <p:nvSpPr>
          <p:cNvPr id="4" name="Picture Placeholder 3"/>
          <p:cNvSpPr>
            <a:spLocks noGrp="1"/>
          </p:cNvSpPr>
          <p:nvPr>
            <p:ph type="pic" sz="quarter" idx="10" hasCustomPrompt="1"/>
          </p:nvPr>
        </p:nvSpPr>
        <p:spPr>
          <a:xfrm>
            <a:off x="0" y="0"/>
            <a:ext cx="4064000" cy="3429000"/>
          </a:xfrm>
          <a:prstGeom prst="rect">
            <a:avLst/>
          </a:prstGeom>
          <a:solidFill>
            <a:schemeClr val="tx2"/>
          </a:solidFill>
        </p:spPr>
        <p:txBody>
          <a:bodyPr lIns="252000" tIns="252000" rIns="0" bIns="0">
            <a:normAutofit/>
          </a:bodyPr>
          <a:lstStyle>
            <a:lvl1pPr marL="0" indent="0">
              <a:buNone/>
              <a:defRPr sz="2000" baseline="0">
                <a:solidFill>
                  <a:schemeClr val="accent1"/>
                </a:solidFill>
                <a:latin typeface="+mj-lt"/>
                <a:cs typeface="Segoe UI Light" panose="020B0502040204020203" pitchFamily="34" charset="0"/>
              </a:defRPr>
            </a:lvl1pPr>
          </a:lstStyle>
          <a:p>
            <a:r>
              <a:rPr lang="fr-FR" dirty="0"/>
              <a:t>Click to </a:t>
            </a:r>
            <a:br>
              <a:rPr lang="fr-FR" dirty="0"/>
            </a:br>
            <a:r>
              <a:rPr lang="fr-FR" dirty="0"/>
              <a:t>add a </a:t>
            </a:r>
            <a:r>
              <a:rPr lang="fr-FR" dirty="0" err="1"/>
              <a:t>picture</a:t>
            </a:r>
            <a:endParaRPr lang="fr-FR" dirty="0"/>
          </a:p>
        </p:txBody>
      </p:sp>
      <p:sp>
        <p:nvSpPr>
          <p:cNvPr id="16" name="Picture Placeholder 3"/>
          <p:cNvSpPr>
            <a:spLocks noGrp="1"/>
          </p:cNvSpPr>
          <p:nvPr>
            <p:ph type="pic" sz="quarter" idx="11" hasCustomPrompt="1"/>
          </p:nvPr>
        </p:nvSpPr>
        <p:spPr>
          <a:xfrm>
            <a:off x="4064000" y="0"/>
            <a:ext cx="4064000" cy="3429000"/>
          </a:xfrm>
          <a:prstGeom prst="rect">
            <a:avLst/>
          </a:prstGeom>
          <a:solidFill>
            <a:schemeClr val="tx2"/>
          </a:solidFill>
        </p:spPr>
        <p:txBody>
          <a:bodyPr lIns="252000" tIns="252000" rIns="0" bIns="0">
            <a:normAutofit/>
          </a:bodyPr>
          <a:lstStyle>
            <a:lvl1pPr marL="0" indent="0">
              <a:buNone/>
              <a:defRPr sz="2000" baseline="0">
                <a:solidFill>
                  <a:schemeClr val="accent1"/>
                </a:solidFill>
                <a:latin typeface="+mj-lt"/>
                <a:cs typeface="Segoe UI Light" panose="020B0502040204020203" pitchFamily="34" charset="0"/>
              </a:defRPr>
            </a:lvl1pPr>
          </a:lstStyle>
          <a:p>
            <a:r>
              <a:rPr lang="fr-FR" dirty="0"/>
              <a:t>Click to </a:t>
            </a:r>
            <a:br>
              <a:rPr lang="fr-FR" dirty="0"/>
            </a:br>
            <a:r>
              <a:rPr lang="fr-FR" dirty="0"/>
              <a:t>add a </a:t>
            </a:r>
            <a:r>
              <a:rPr lang="fr-FR" dirty="0" err="1"/>
              <a:t>picture</a:t>
            </a:r>
            <a:endParaRPr lang="fr-FR" dirty="0"/>
          </a:p>
        </p:txBody>
      </p:sp>
      <p:sp>
        <p:nvSpPr>
          <p:cNvPr id="17" name="Picture Placeholder 3"/>
          <p:cNvSpPr>
            <a:spLocks noGrp="1"/>
          </p:cNvSpPr>
          <p:nvPr>
            <p:ph type="pic" sz="quarter" idx="12" hasCustomPrompt="1"/>
          </p:nvPr>
        </p:nvSpPr>
        <p:spPr>
          <a:xfrm>
            <a:off x="8128000" y="0"/>
            <a:ext cx="4064000" cy="3429000"/>
          </a:xfrm>
          <a:prstGeom prst="rect">
            <a:avLst/>
          </a:prstGeom>
          <a:solidFill>
            <a:schemeClr val="tx2"/>
          </a:solidFill>
        </p:spPr>
        <p:txBody>
          <a:bodyPr lIns="252000" tIns="252000" rIns="0" bIns="0">
            <a:normAutofit/>
          </a:bodyPr>
          <a:lstStyle>
            <a:lvl1pPr marL="0" indent="0">
              <a:buNone/>
              <a:defRPr sz="2000" baseline="0">
                <a:solidFill>
                  <a:schemeClr val="accent1"/>
                </a:solidFill>
                <a:latin typeface="+mj-lt"/>
                <a:cs typeface="Segoe UI Light" panose="020B0502040204020203" pitchFamily="34" charset="0"/>
              </a:defRPr>
            </a:lvl1pPr>
          </a:lstStyle>
          <a:p>
            <a:r>
              <a:rPr lang="fr-FR" dirty="0"/>
              <a:t>Click to </a:t>
            </a:r>
            <a:br>
              <a:rPr lang="fr-FR" dirty="0"/>
            </a:br>
            <a:r>
              <a:rPr lang="fr-FR" dirty="0"/>
              <a:t>add a </a:t>
            </a:r>
            <a:r>
              <a:rPr lang="fr-FR" dirty="0" err="1"/>
              <a:t>picture</a:t>
            </a:r>
            <a:endParaRPr lang="fr-FR" dirty="0"/>
          </a:p>
        </p:txBody>
      </p:sp>
      <p:sp>
        <p:nvSpPr>
          <p:cNvPr id="18" name="Picture Placeholder 3"/>
          <p:cNvSpPr>
            <a:spLocks noGrp="1"/>
          </p:cNvSpPr>
          <p:nvPr>
            <p:ph type="pic" sz="quarter" idx="13" hasCustomPrompt="1"/>
          </p:nvPr>
        </p:nvSpPr>
        <p:spPr>
          <a:xfrm>
            <a:off x="8128000" y="3429000"/>
            <a:ext cx="4064000" cy="3429000"/>
          </a:xfrm>
          <a:prstGeom prst="rect">
            <a:avLst/>
          </a:prstGeom>
          <a:solidFill>
            <a:schemeClr val="tx2"/>
          </a:solidFill>
        </p:spPr>
        <p:txBody>
          <a:bodyPr lIns="252000" tIns="252000" rIns="0" bIns="0">
            <a:normAutofit/>
          </a:bodyPr>
          <a:lstStyle>
            <a:lvl1pPr marL="0" indent="0">
              <a:buNone/>
              <a:defRPr sz="2000" baseline="0">
                <a:solidFill>
                  <a:schemeClr val="accent1"/>
                </a:solidFill>
                <a:latin typeface="+mj-lt"/>
                <a:cs typeface="Segoe UI Light" panose="020B0502040204020203" pitchFamily="34" charset="0"/>
              </a:defRPr>
            </a:lvl1pPr>
          </a:lstStyle>
          <a:p>
            <a:r>
              <a:rPr lang="fr-FR" dirty="0"/>
              <a:t>Click to </a:t>
            </a:r>
            <a:br>
              <a:rPr lang="fr-FR" dirty="0"/>
            </a:br>
            <a:r>
              <a:rPr lang="fr-FR" dirty="0"/>
              <a:t>add a </a:t>
            </a:r>
            <a:r>
              <a:rPr lang="fr-FR" dirty="0" err="1"/>
              <a:t>picture</a:t>
            </a:r>
            <a:endParaRPr lang="fr-FR" dirty="0"/>
          </a:p>
        </p:txBody>
      </p:sp>
      <p:sp>
        <p:nvSpPr>
          <p:cNvPr id="19" name="Picture Placeholder 3"/>
          <p:cNvSpPr>
            <a:spLocks noGrp="1"/>
          </p:cNvSpPr>
          <p:nvPr>
            <p:ph type="pic" sz="quarter" idx="14" hasCustomPrompt="1"/>
          </p:nvPr>
        </p:nvSpPr>
        <p:spPr>
          <a:xfrm>
            <a:off x="4064000" y="3429000"/>
            <a:ext cx="4064000" cy="3429000"/>
          </a:xfrm>
          <a:prstGeom prst="rect">
            <a:avLst/>
          </a:prstGeom>
          <a:solidFill>
            <a:schemeClr val="tx2"/>
          </a:solidFill>
        </p:spPr>
        <p:txBody>
          <a:bodyPr lIns="252000" tIns="252000" rIns="0" bIns="0">
            <a:normAutofit/>
          </a:bodyPr>
          <a:lstStyle>
            <a:lvl1pPr marL="0" indent="0">
              <a:buNone/>
              <a:defRPr sz="2000" baseline="0">
                <a:solidFill>
                  <a:schemeClr val="accent1"/>
                </a:solidFill>
                <a:latin typeface="+mj-lt"/>
                <a:cs typeface="Segoe UI Light" panose="020B0502040204020203" pitchFamily="34" charset="0"/>
              </a:defRPr>
            </a:lvl1pPr>
          </a:lstStyle>
          <a:p>
            <a:r>
              <a:rPr lang="fr-FR" dirty="0"/>
              <a:t>Click to </a:t>
            </a:r>
            <a:br>
              <a:rPr lang="fr-FR" dirty="0"/>
            </a:br>
            <a:r>
              <a:rPr lang="fr-FR" dirty="0"/>
              <a:t>add a </a:t>
            </a:r>
            <a:r>
              <a:rPr lang="fr-FR" dirty="0" err="1"/>
              <a:t>picture</a:t>
            </a:r>
            <a:endParaRPr lang="fr-FR" dirty="0"/>
          </a:p>
        </p:txBody>
      </p:sp>
      <p:sp>
        <p:nvSpPr>
          <p:cNvPr id="20" name="Picture Placeholder 3"/>
          <p:cNvSpPr>
            <a:spLocks noGrp="1"/>
          </p:cNvSpPr>
          <p:nvPr>
            <p:ph type="pic" sz="quarter" idx="15" hasCustomPrompt="1"/>
          </p:nvPr>
        </p:nvSpPr>
        <p:spPr>
          <a:xfrm>
            <a:off x="0" y="3429000"/>
            <a:ext cx="4064000" cy="3429000"/>
          </a:xfrm>
          <a:prstGeom prst="rect">
            <a:avLst/>
          </a:prstGeom>
          <a:solidFill>
            <a:schemeClr val="tx2"/>
          </a:solidFill>
        </p:spPr>
        <p:txBody>
          <a:bodyPr lIns="252000" tIns="252000" rIns="0" bIns="0">
            <a:normAutofit/>
          </a:bodyPr>
          <a:lstStyle>
            <a:lvl1pPr marL="0" indent="0">
              <a:buNone/>
              <a:defRPr sz="2000" baseline="0">
                <a:solidFill>
                  <a:schemeClr val="accent1"/>
                </a:solidFill>
                <a:latin typeface="+mj-lt"/>
                <a:cs typeface="Segoe UI Light" panose="020B0502040204020203" pitchFamily="34" charset="0"/>
              </a:defRPr>
            </a:lvl1pPr>
          </a:lstStyle>
          <a:p>
            <a:r>
              <a:rPr lang="fr-FR" dirty="0"/>
              <a:t>Click to </a:t>
            </a:r>
            <a:br>
              <a:rPr lang="fr-FR" dirty="0"/>
            </a:br>
            <a:r>
              <a:rPr lang="fr-FR" dirty="0"/>
              <a:t>add a </a:t>
            </a:r>
            <a:r>
              <a:rPr lang="fr-FR" dirty="0" err="1"/>
              <a:t>picture</a:t>
            </a:r>
            <a:endParaRPr lang="fr-FR" dirty="0"/>
          </a:p>
        </p:txBody>
      </p:sp>
    </p:spTree>
    <p:extLst>
      <p:ext uri="{BB962C8B-B14F-4D97-AF65-F5344CB8AC3E}">
        <p14:creationId xmlns:p14="http://schemas.microsoft.com/office/powerpoint/2010/main" val="3715251912"/>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pic>
        <p:nvPicPr>
          <p:cNvPr id="6" name="Picture 5">
            <a:extLst>
              <a:ext uri="{FF2B5EF4-FFF2-40B4-BE49-F238E27FC236}">
                <a16:creationId xmlns:a16="http://schemas.microsoft.com/office/drawing/2014/main" id="{977B15E9-FE43-4841-B877-CF972643F917}"/>
              </a:ext>
            </a:extLst>
          </p:cNvPr>
          <p:cNvPicPr>
            <a:picLocks noChangeAspect="1"/>
          </p:cNvPicPr>
          <p:nvPr userDrawn="1"/>
        </p:nvPicPr>
        <p:blipFill rotWithShape="1">
          <a:blip r:embed="rId2" cstate="email">
            <a:extLst>
              <a:ext uri="{28A0092B-C50C-407E-A947-70E740481C1C}">
                <a14:useLocalDpi xmlns:a14="http://schemas.microsoft.com/office/drawing/2010/main"/>
              </a:ext>
            </a:extLst>
          </a:blip>
          <a:srcRect l="70" r="70"/>
          <a:stretch/>
        </p:blipFill>
        <p:spPr>
          <a:xfrm>
            <a:off x="0" y="0"/>
            <a:ext cx="12192000" cy="6858000"/>
          </a:xfrm>
          <a:prstGeom prst="rect">
            <a:avLst/>
          </a:prstGeom>
        </p:spPr>
      </p:pic>
      <p:pic>
        <p:nvPicPr>
          <p:cNvPr id="7" name="Graphic 6">
            <a:extLst>
              <a:ext uri="{FF2B5EF4-FFF2-40B4-BE49-F238E27FC236}">
                <a16:creationId xmlns:a16="http://schemas.microsoft.com/office/drawing/2014/main" id="{6E8AD5E2-80B9-4596-9CB1-D5569DED9AC5}"/>
              </a:ext>
            </a:extLst>
          </p:cNvPr>
          <p:cNvPicPr>
            <a:picLocks noChangeAspect="1"/>
          </p:cNvPicPr>
          <p:nvPr userDrawn="1"/>
        </p:nvPicPr>
        <p:blipFill>
          <a:blip r:embed="rId3" cstate="email">
            <a:extLst>
              <a:ext uri="{28A0092B-C50C-407E-A947-70E740481C1C}">
                <a14:useLocalDpi xmlns:a14="http://schemas.microsoft.com/office/drawing/2010/main"/>
              </a:ext>
              <a:ext uri="{96DAC541-7B7A-43D3-8B79-37D633B846F1}">
                <asvg:svgBlip xmlns="" xmlns:asvg="http://schemas.microsoft.com/office/drawing/2016/SVG/main" r:embed="rId4"/>
              </a:ext>
            </a:extLst>
          </a:blip>
          <a:stretch>
            <a:fillRect/>
          </a:stretch>
        </p:blipFill>
        <p:spPr>
          <a:xfrm>
            <a:off x="4630219" y="1588849"/>
            <a:ext cx="2931562" cy="1831762"/>
          </a:xfrm>
          <a:prstGeom prst="rect">
            <a:avLst/>
          </a:prstGeom>
        </p:spPr>
      </p:pic>
      <p:sp>
        <p:nvSpPr>
          <p:cNvPr id="8" name="Rectangle 7">
            <a:extLst>
              <a:ext uri="{FF2B5EF4-FFF2-40B4-BE49-F238E27FC236}">
                <a16:creationId xmlns:a16="http://schemas.microsoft.com/office/drawing/2014/main" id="{60C311A9-D5EE-4491-885B-DF9302BF251A}"/>
              </a:ext>
            </a:extLst>
          </p:cNvPr>
          <p:cNvSpPr/>
          <p:nvPr userDrawn="1"/>
        </p:nvSpPr>
        <p:spPr>
          <a:xfrm>
            <a:off x="3375660" y="3948127"/>
            <a:ext cx="5440680" cy="428698"/>
          </a:xfrm>
          <a:prstGeom prst="rect">
            <a:avLst/>
          </a:prstGeom>
          <a:noFill/>
        </p:spPr>
        <p:txBody>
          <a:bodyPr wrap="square" lIns="0" tIns="0" rIns="0" bIns="0" rtlCol="0" anchor="ctr">
            <a:noAutofit/>
          </a:bodyPr>
          <a:lstStyle/>
          <a:p>
            <a:pPr algn="ctr">
              <a:lnSpc>
                <a:spcPct val="130000"/>
              </a:lnSpc>
              <a:spcAft>
                <a:spcPts val="600"/>
              </a:spcAft>
            </a:pPr>
            <a:r>
              <a:rPr lang="fr-FR" dirty="0">
                <a:solidFill>
                  <a:schemeClr val="bg1"/>
                </a:solidFill>
                <a:latin typeface="Segoe UI Light" panose="020B0502040204020203" pitchFamily="34" charset="0"/>
                <a:cs typeface="Segoe UI Light" panose="020B0502040204020203" pitchFamily="34" charset="0"/>
              </a:rPr>
              <a:t>A free PowerPoint Template made by Slidor.</a:t>
            </a:r>
          </a:p>
        </p:txBody>
      </p:sp>
      <p:grpSp>
        <p:nvGrpSpPr>
          <p:cNvPr id="9" name="Graphic 14">
            <a:extLst>
              <a:ext uri="{FF2B5EF4-FFF2-40B4-BE49-F238E27FC236}">
                <a16:creationId xmlns:a16="http://schemas.microsoft.com/office/drawing/2014/main" id="{D66DC7D3-23E7-4869-88B2-69EB16427068}"/>
              </a:ext>
            </a:extLst>
          </p:cNvPr>
          <p:cNvGrpSpPr/>
          <p:nvPr userDrawn="1"/>
        </p:nvGrpSpPr>
        <p:grpSpPr>
          <a:xfrm>
            <a:off x="6552060" y="3298862"/>
            <a:ext cx="848807" cy="172639"/>
            <a:chOff x="-4840605" y="4879650"/>
            <a:chExt cx="3371850" cy="685800"/>
          </a:xfrm>
        </p:grpSpPr>
        <p:sp>
          <p:nvSpPr>
            <p:cNvPr id="10" name="Freeform: Shape 9">
              <a:extLst>
                <a:ext uri="{FF2B5EF4-FFF2-40B4-BE49-F238E27FC236}">
                  <a16:creationId xmlns:a16="http://schemas.microsoft.com/office/drawing/2014/main" id="{E7923F90-C7F5-4957-8E42-1B5A2C22CF63}"/>
                </a:ext>
              </a:extLst>
            </p:cNvPr>
            <p:cNvSpPr/>
            <p:nvPr/>
          </p:nvSpPr>
          <p:spPr>
            <a:xfrm>
              <a:off x="-4847749" y="4872506"/>
              <a:ext cx="733425" cy="695325"/>
            </a:xfrm>
            <a:custGeom>
              <a:avLst/>
              <a:gdLst>
                <a:gd name="connsiteX0" fmla="*/ 727520 w 733425"/>
                <a:gd name="connsiteY0" fmla="*/ 349758 h 695325"/>
                <a:gd name="connsiteX1" fmla="*/ 728091 w 733425"/>
                <a:gd name="connsiteY1" fmla="*/ 349472 h 695325"/>
                <a:gd name="connsiteX2" fmla="*/ 650748 w 733425"/>
                <a:gd name="connsiteY2" fmla="*/ 303276 h 695325"/>
                <a:gd name="connsiteX3" fmla="*/ 161258 w 733425"/>
                <a:gd name="connsiteY3" fmla="*/ 7144 h 695325"/>
                <a:gd name="connsiteX4" fmla="*/ 11240 w 733425"/>
                <a:gd name="connsiteY4" fmla="*/ 51530 h 695325"/>
                <a:gd name="connsiteX5" fmla="*/ 505968 w 733425"/>
                <a:gd name="connsiteY5" fmla="*/ 349282 h 695325"/>
                <a:gd name="connsiteX6" fmla="*/ 7144 w 733425"/>
                <a:gd name="connsiteY6" fmla="*/ 645605 h 695325"/>
                <a:gd name="connsiteX7" fmla="*/ 161258 w 733425"/>
                <a:gd name="connsiteY7" fmla="*/ 692372 h 695325"/>
                <a:gd name="connsiteX8" fmla="*/ 270605 w 733425"/>
                <a:gd name="connsiteY8" fmla="*/ 626174 h 695325"/>
                <a:gd name="connsiteX9" fmla="*/ 650653 w 733425"/>
                <a:gd name="connsiteY9" fmla="*/ 396240 h 695325"/>
                <a:gd name="connsiteX10" fmla="*/ 728091 w 733425"/>
                <a:gd name="connsiteY10" fmla="*/ 350139 h 695325"/>
                <a:gd name="connsiteX11" fmla="*/ 727520 w 733425"/>
                <a:gd name="connsiteY11" fmla="*/ 349758 h 6953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733425" h="695325">
                  <a:moveTo>
                    <a:pt x="727520" y="349758"/>
                  </a:moveTo>
                  <a:lnTo>
                    <a:pt x="728091" y="349472"/>
                  </a:lnTo>
                  <a:lnTo>
                    <a:pt x="650748" y="303276"/>
                  </a:lnTo>
                  <a:lnTo>
                    <a:pt x="161258" y="7144"/>
                  </a:lnTo>
                  <a:lnTo>
                    <a:pt x="11240" y="51530"/>
                  </a:lnTo>
                  <a:lnTo>
                    <a:pt x="505968" y="349282"/>
                  </a:lnTo>
                  <a:lnTo>
                    <a:pt x="7144" y="645605"/>
                  </a:lnTo>
                  <a:lnTo>
                    <a:pt x="161258" y="692372"/>
                  </a:lnTo>
                  <a:lnTo>
                    <a:pt x="270605" y="626174"/>
                  </a:lnTo>
                  <a:lnTo>
                    <a:pt x="650653" y="396240"/>
                  </a:lnTo>
                  <a:lnTo>
                    <a:pt x="728091" y="350139"/>
                  </a:lnTo>
                  <a:lnTo>
                    <a:pt x="727520" y="349758"/>
                  </a:lnTo>
                  <a:close/>
                </a:path>
              </a:pathLst>
            </a:custGeom>
            <a:solidFill>
              <a:srgbClr val="F04C3B"/>
            </a:solidFill>
            <a:ln w="9525" cap="flat">
              <a:noFill/>
              <a:prstDash val="solid"/>
              <a:miter/>
            </a:ln>
          </p:spPr>
          <p:txBody>
            <a:bodyPr rtlCol="0" anchor="ctr"/>
            <a:lstStyle/>
            <a:p>
              <a:endParaRPr lang="fr-FR"/>
            </a:p>
          </p:txBody>
        </p:sp>
        <p:sp>
          <p:nvSpPr>
            <p:cNvPr id="11" name="Freeform: Shape 10">
              <a:extLst>
                <a:ext uri="{FF2B5EF4-FFF2-40B4-BE49-F238E27FC236}">
                  <a16:creationId xmlns:a16="http://schemas.microsoft.com/office/drawing/2014/main" id="{1A91D39A-3051-4BF8-9AD2-6A54CECBDBDA}"/>
                </a:ext>
              </a:extLst>
            </p:cNvPr>
            <p:cNvSpPr/>
            <p:nvPr/>
          </p:nvSpPr>
          <p:spPr>
            <a:xfrm>
              <a:off x="-4462177" y="5214930"/>
              <a:ext cx="238125" cy="142875"/>
            </a:xfrm>
            <a:custGeom>
              <a:avLst/>
              <a:gdLst>
                <a:gd name="connsiteX0" fmla="*/ 120777 w 238125"/>
                <a:gd name="connsiteY0" fmla="*/ 7144 h 142875"/>
                <a:gd name="connsiteX1" fmla="*/ 231648 w 238125"/>
                <a:gd name="connsiteY1" fmla="*/ 73819 h 142875"/>
                <a:gd name="connsiteX2" fmla="*/ 120682 w 238125"/>
                <a:gd name="connsiteY2" fmla="*/ 141256 h 142875"/>
                <a:gd name="connsiteX3" fmla="*/ 7144 w 238125"/>
                <a:gd name="connsiteY3" fmla="*/ 74200 h 142875"/>
                <a:gd name="connsiteX4" fmla="*/ 120777 w 238125"/>
                <a:gd name="connsiteY4" fmla="*/ 7144 h 14287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38125" h="142875">
                  <a:moveTo>
                    <a:pt x="120777" y="7144"/>
                  </a:moveTo>
                  <a:lnTo>
                    <a:pt x="231648" y="73819"/>
                  </a:lnTo>
                  <a:lnTo>
                    <a:pt x="120682" y="141256"/>
                  </a:lnTo>
                  <a:lnTo>
                    <a:pt x="7144" y="74200"/>
                  </a:lnTo>
                  <a:lnTo>
                    <a:pt x="120777" y="7144"/>
                  </a:lnTo>
                  <a:close/>
                </a:path>
              </a:pathLst>
            </a:custGeom>
            <a:solidFill>
              <a:srgbClr val="010101">
                <a:alpha val="30000"/>
              </a:srgbClr>
            </a:solidFill>
            <a:ln w="9525" cap="flat">
              <a:noFill/>
              <a:prstDash val="solid"/>
              <a:miter/>
            </a:ln>
          </p:spPr>
          <p:txBody>
            <a:bodyPr rtlCol="0" anchor="ctr"/>
            <a:lstStyle/>
            <a:p>
              <a:endParaRPr lang="fr-FR"/>
            </a:p>
          </p:txBody>
        </p:sp>
        <p:sp>
          <p:nvSpPr>
            <p:cNvPr id="12" name="Freeform: Shape 11">
              <a:extLst>
                <a:ext uri="{FF2B5EF4-FFF2-40B4-BE49-F238E27FC236}">
                  <a16:creationId xmlns:a16="http://schemas.microsoft.com/office/drawing/2014/main" id="{F85F7B6D-1347-40FE-A80A-D5BD017DF9CD}"/>
                </a:ext>
              </a:extLst>
            </p:cNvPr>
            <p:cNvSpPr/>
            <p:nvPr/>
          </p:nvSpPr>
          <p:spPr>
            <a:xfrm>
              <a:off x="-3434715" y="5011381"/>
              <a:ext cx="295275" cy="419100"/>
            </a:xfrm>
            <a:custGeom>
              <a:avLst/>
              <a:gdLst>
                <a:gd name="connsiteX0" fmla="*/ 7144 w 295275"/>
                <a:gd name="connsiteY0" fmla="*/ 50483 h 419100"/>
                <a:gd name="connsiteX1" fmla="*/ 78772 w 295275"/>
                <a:gd name="connsiteY1" fmla="*/ 7144 h 419100"/>
                <a:gd name="connsiteX2" fmla="*/ 78772 w 295275"/>
                <a:gd name="connsiteY2" fmla="*/ 349472 h 419100"/>
                <a:gd name="connsiteX3" fmla="*/ 292989 w 295275"/>
                <a:gd name="connsiteY3" fmla="*/ 349472 h 419100"/>
                <a:gd name="connsiteX4" fmla="*/ 292989 w 295275"/>
                <a:gd name="connsiteY4" fmla="*/ 414623 h 419100"/>
                <a:gd name="connsiteX5" fmla="*/ 7239 w 295275"/>
                <a:gd name="connsiteY5" fmla="*/ 414623 h 419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95275" h="419100">
                  <a:moveTo>
                    <a:pt x="7144" y="50483"/>
                  </a:moveTo>
                  <a:lnTo>
                    <a:pt x="78772" y="7144"/>
                  </a:lnTo>
                  <a:lnTo>
                    <a:pt x="78772" y="349472"/>
                  </a:lnTo>
                  <a:lnTo>
                    <a:pt x="292989" y="349472"/>
                  </a:lnTo>
                  <a:lnTo>
                    <a:pt x="292989" y="414623"/>
                  </a:lnTo>
                  <a:lnTo>
                    <a:pt x="7239" y="414623"/>
                  </a:lnTo>
                  <a:close/>
                </a:path>
              </a:pathLst>
            </a:custGeom>
            <a:solidFill>
              <a:schemeClr val="bg1"/>
            </a:solidFill>
            <a:ln w="9525" cap="flat">
              <a:noFill/>
              <a:prstDash val="solid"/>
              <a:miter/>
            </a:ln>
          </p:spPr>
          <p:txBody>
            <a:bodyPr rtlCol="0" anchor="ctr"/>
            <a:lstStyle/>
            <a:p>
              <a:endParaRPr lang="fr-FR" dirty="0"/>
            </a:p>
          </p:txBody>
        </p:sp>
        <p:sp>
          <p:nvSpPr>
            <p:cNvPr id="13" name="Freeform: Shape 12">
              <a:extLst>
                <a:ext uri="{FF2B5EF4-FFF2-40B4-BE49-F238E27FC236}">
                  <a16:creationId xmlns:a16="http://schemas.microsoft.com/office/drawing/2014/main" id="{876C7694-BEEB-45BD-8514-3A1381390988}"/>
                </a:ext>
              </a:extLst>
            </p:cNvPr>
            <p:cNvSpPr/>
            <p:nvPr/>
          </p:nvSpPr>
          <p:spPr>
            <a:xfrm>
              <a:off x="-3041142" y="5011381"/>
              <a:ext cx="85725" cy="419100"/>
            </a:xfrm>
            <a:custGeom>
              <a:avLst/>
              <a:gdLst>
                <a:gd name="connsiteX0" fmla="*/ 7144 w 85725"/>
                <a:gd name="connsiteY0" fmla="*/ 51721 h 419100"/>
                <a:gd name="connsiteX1" fmla="*/ 78772 w 85725"/>
                <a:gd name="connsiteY1" fmla="*/ 7144 h 419100"/>
                <a:gd name="connsiteX2" fmla="*/ 78772 w 85725"/>
                <a:gd name="connsiteY2" fmla="*/ 414623 h 419100"/>
                <a:gd name="connsiteX3" fmla="*/ 7144 w 85725"/>
                <a:gd name="connsiteY3" fmla="*/ 414623 h 419100"/>
              </a:gdLst>
              <a:ahLst/>
              <a:cxnLst>
                <a:cxn ang="0">
                  <a:pos x="connsiteX0" y="connsiteY0"/>
                </a:cxn>
                <a:cxn ang="0">
                  <a:pos x="connsiteX1" y="connsiteY1"/>
                </a:cxn>
                <a:cxn ang="0">
                  <a:pos x="connsiteX2" y="connsiteY2"/>
                </a:cxn>
                <a:cxn ang="0">
                  <a:pos x="connsiteX3" y="connsiteY3"/>
                </a:cxn>
              </a:cxnLst>
              <a:rect l="l" t="t" r="r" b="b"/>
              <a:pathLst>
                <a:path w="85725" h="419100">
                  <a:moveTo>
                    <a:pt x="7144" y="51721"/>
                  </a:moveTo>
                  <a:lnTo>
                    <a:pt x="78772" y="7144"/>
                  </a:lnTo>
                  <a:lnTo>
                    <a:pt x="78772" y="414623"/>
                  </a:lnTo>
                  <a:lnTo>
                    <a:pt x="7144" y="414623"/>
                  </a:lnTo>
                  <a:close/>
                </a:path>
              </a:pathLst>
            </a:custGeom>
            <a:solidFill>
              <a:schemeClr val="bg1"/>
            </a:solidFill>
            <a:ln w="9525" cap="flat">
              <a:noFill/>
              <a:prstDash val="solid"/>
              <a:miter/>
            </a:ln>
          </p:spPr>
          <p:txBody>
            <a:bodyPr rtlCol="0" anchor="ctr"/>
            <a:lstStyle/>
            <a:p>
              <a:endParaRPr lang="fr-FR"/>
            </a:p>
          </p:txBody>
        </p:sp>
        <p:sp>
          <p:nvSpPr>
            <p:cNvPr id="14" name="Freeform: Shape 13">
              <a:extLst>
                <a:ext uri="{FF2B5EF4-FFF2-40B4-BE49-F238E27FC236}">
                  <a16:creationId xmlns:a16="http://schemas.microsoft.com/office/drawing/2014/main" id="{1233C57D-BC6C-45E8-BD7C-CD3182F4BBD4}"/>
                </a:ext>
              </a:extLst>
            </p:cNvPr>
            <p:cNvSpPr/>
            <p:nvPr/>
          </p:nvSpPr>
          <p:spPr>
            <a:xfrm>
              <a:off x="-2831592" y="5011365"/>
              <a:ext cx="381000" cy="419100"/>
            </a:xfrm>
            <a:custGeom>
              <a:avLst/>
              <a:gdLst>
                <a:gd name="connsiteX0" fmla="*/ 7144 w 381000"/>
                <a:gd name="connsiteY0" fmla="*/ 7160 h 419100"/>
                <a:gd name="connsiteX1" fmla="*/ 159544 w 381000"/>
                <a:gd name="connsiteY1" fmla="*/ 7160 h 419100"/>
                <a:gd name="connsiteX2" fmla="*/ 247174 w 381000"/>
                <a:gd name="connsiteY2" fmla="*/ 22590 h 419100"/>
                <a:gd name="connsiteX3" fmla="*/ 315849 w 381000"/>
                <a:gd name="connsiteY3" fmla="*/ 65357 h 419100"/>
                <a:gd name="connsiteX4" fmla="*/ 360426 w 381000"/>
                <a:gd name="connsiteY4" fmla="*/ 129746 h 419100"/>
                <a:gd name="connsiteX5" fmla="*/ 376142 w 381000"/>
                <a:gd name="connsiteY5" fmla="*/ 209756 h 419100"/>
                <a:gd name="connsiteX6" fmla="*/ 376142 w 381000"/>
                <a:gd name="connsiteY6" fmla="*/ 210899 h 419100"/>
                <a:gd name="connsiteX7" fmla="*/ 360426 w 381000"/>
                <a:gd name="connsiteY7" fmla="*/ 291290 h 419100"/>
                <a:gd name="connsiteX8" fmla="*/ 315849 w 381000"/>
                <a:gd name="connsiteY8" fmla="*/ 355870 h 419100"/>
                <a:gd name="connsiteX9" fmla="*/ 247174 w 381000"/>
                <a:gd name="connsiteY9" fmla="*/ 398923 h 419100"/>
                <a:gd name="connsiteX10" fmla="*/ 159544 w 381000"/>
                <a:gd name="connsiteY10" fmla="*/ 414639 h 419100"/>
                <a:gd name="connsiteX11" fmla="*/ 7144 w 381000"/>
                <a:gd name="connsiteY11" fmla="*/ 414639 h 419100"/>
                <a:gd name="connsiteX12" fmla="*/ 78391 w 381000"/>
                <a:gd name="connsiteY12" fmla="*/ 72787 h 419100"/>
                <a:gd name="connsiteX13" fmla="*/ 78391 w 381000"/>
                <a:gd name="connsiteY13" fmla="*/ 349869 h 419100"/>
                <a:gd name="connsiteX14" fmla="*/ 158687 w 381000"/>
                <a:gd name="connsiteY14" fmla="*/ 349869 h 419100"/>
                <a:gd name="connsiteX15" fmla="*/ 216884 w 381000"/>
                <a:gd name="connsiteY15" fmla="*/ 339677 h 419100"/>
                <a:gd name="connsiteX16" fmla="*/ 261461 w 381000"/>
                <a:gd name="connsiteY16" fmla="*/ 311102 h 419100"/>
                <a:gd name="connsiteX17" fmla="*/ 290036 w 381000"/>
                <a:gd name="connsiteY17" fmla="*/ 267478 h 419100"/>
                <a:gd name="connsiteX18" fmla="*/ 300228 w 381000"/>
                <a:gd name="connsiteY18" fmla="*/ 212518 h 419100"/>
                <a:gd name="connsiteX19" fmla="*/ 300228 w 381000"/>
                <a:gd name="connsiteY19" fmla="*/ 211280 h 419100"/>
                <a:gd name="connsiteX20" fmla="*/ 290036 w 381000"/>
                <a:gd name="connsiteY20" fmla="*/ 156035 h 419100"/>
                <a:gd name="connsiteX21" fmla="*/ 261461 w 381000"/>
                <a:gd name="connsiteY21" fmla="*/ 112030 h 419100"/>
                <a:gd name="connsiteX22" fmla="*/ 216884 w 381000"/>
                <a:gd name="connsiteY22" fmla="*/ 83455 h 419100"/>
                <a:gd name="connsiteX23" fmla="*/ 158687 w 381000"/>
                <a:gd name="connsiteY23" fmla="*/ 72977 h 419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381000" h="419100">
                  <a:moveTo>
                    <a:pt x="7144" y="7160"/>
                  </a:moveTo>
                  <a:lnTo>
                    <a:pt x="159544" y="7160"/>
                  </a:lnTo>
                  <a:cubicBezTo>
                    <a:pt x="189459" y="6817"/>
                    <a:pt x="219175" y="12050"/>
                    <a:pt x="247174" y="22590"/>
                  </a:cubicBezTo>
                  <a:cubicBezTo>
                    <a:pt x="272645" y="32212"/>
                    <a:pt x="295978" y="46743"/>
                    <a:pt x="315849" y="65357"/>
                  </a:cubicBezTo>
                  <a:cubicBezTo>
                    <a:pt x="335007" y="83502"/>
                    <a:pt x="350187" y="105428"/>
                    <a:pt x="360426" y="129746"/>
                  </a:cubicBezTo>
                  <a:cubicBezTo>
                    <a:pt x="371036" y="155075"/>
                    <a:pt x="376383" y="182297"/>
                    <a:pt x="376142" y="209756"/>
                  </a:cubicBezTo>
                  <a:lnTo>
                    <a:pt x="376142" y="210899"/>
                  </a:lnTo>
                  <a:cubicBezTo>
                    <a:pt x="376371" y="238481"/>
                    <a:pt x="371025" y="265825"/>
                    <a:pt x="360426" y="291290"/>
                  </a:cubicBezTo>
                  <a:cubicBezTo>
                    <a:pt x="350257" y="315703"/>
                    <a:pt x="335070" y="337705"/>
                    <a:pt x="315849" y="355870"/>
                  </a:cubicBezTo>
                  <a:cubicBezTo>
                    <a:pt x="295967" y="374540"/>
                    <a:pt x="272642" y="389163"/>
                    <a:pt x="247174" y="398923"/>
                  </a:cubicBezTo>
                  <a:cubicBezTo>
                    <a:pt x="219219" y="409651"/>
                    <a:pt x="189485" y="414983"/>
                    <a:pt x="159544" y="414639"/>
                  </a:cubicBezTo>
                  <a:lnTo>
                    <a:pt x="7144" y="414639"/>
                  </a:lnTo>
                  <a:close/>
                  <a:moveTo>
                    <a:pt x="78391" y="72787"/>
                  </a:moveTo>
                  <a:lnTo>
                    <a:pt x="78391" y="349869"/>
                  </a:lnTo>
                  <a:lnTo>
                    <a:pt x="158687" y="349869"/>
                  </a:lnTo>
                  <a:cubicBezTo>
                    <a:pt x="178551" y="350118"/>
                    <a:pt x="198287" y="346662"/>
                    <a:pt x="216884" y="339677"/>
                  </a:cubicBezTo>
                  <a:cubicBezTo>
                    <a:pt x="233595" y="333409"/>
                    <a:pt x="248788" y="323670"/>
                    <a:pt x="261461" y="311102"/>
                  </a:cubicBezTo>
                  <a:cubicBezTo>
                    <a:pt x="273861" y="298662"/>
                    <a:pt x="283586" y="283816"/>
                    <a:pt x="290036" y="267478"/>
                  </a:cubicBezTo>
                  <a:cubicBezTo>
                    <a:pt x="296973" y="249995"/>
                    <a:pt x="300435" y="231327"/>
                    <a:pt x="300228" y="212518"/>
                  </a:cubicBezTo>
                  <a:lnTo>
                    <a:pt x="300228" y="211280"/>
                  </a:lnTo>
                  <a:cubicBezTo>
                    <a:pt x="300417" y="192381"/>
                    <a:pt x="296957" y="173623"/>
                    <a:pt x="290036" y="156035"/>
                  </a:cubicBezTo>
                  <a:cubicBezTo>
                    <a:pt x="283637" y="139559"/>
                    <a:pt x="273910" y="124578"/>
                    <a:pt x="261461" y="112030"/>
                  </a:cubicBezTo>
                  <a:cubicBezTo>
                    <a:pt x="248705" y="99567"/>
                    <a:pt x="233535" y="89843"/>
                    <a:pt x="216884" y="83455"/>
                  </a:cubicBezTo>
                  <a:cubicBezTo>
                    <a:pt x="198344" y="76236"/>
                    <a:pt x="178581" y="72678"/>
                    <a:pt x="158687" y="72977"/>
                  </a:cubicBezTo>
                  <a:close/>
                </a:path>
              </a:pathLst>
            </a:custGeom>
            <a:solidFill>
              <a:schemeClr val="bg1"/>
            </a:solidFill>
            <a:ln w="9525" cap="flat">
              <a:noFill/>
              <a:prstDash val="solid"/>
              <a:miter/>
            </a:ln>
          </p:spPr>
          <p:txBody>
            <a:bodyPr rtlCol="0" anchor="ctr"/>
            <a:lstStyle/>
            <a:p>
              <a:endParaRPr lang="fr-FR"/>
            </a:p>
          </p:txBody>
        </p:sp>
        <p:sp>
          <p:nvSpPr>
            <p:cNvPr id="15" name="Freeform: Shape 14">
              <a:extLst>
                <a:ext uri="{FF2B5EF4-FFF2-40B4-BE49-F238E27FC236}">
                  <a16:creationId xmlns:a16="http://schemas.microsoft.com/office/drawing/2014/main" id="{E8A94DF9-BAFB-4BE4-9840-26E3AE412F1B}"/>
                </a:ext>
              </a:extLst>
            </p:cNvPr>
            <p:cNvSpPr/>
            <p:nvPr/>
          </p:nvSpPr>
          <p:spPr>
            <a:xfrm>
              <a:off x="-2364680" y="5004696"/>
              <a:ext cx="438150" cy="428625"/>
            </a:xfrm>
            <a:custGeom>
              <a:avLst/>
              <a:gdLst>
                <a:gd name="connsiteX0" fmla="*/ 218983 w 438150"/>
                <a:gd name="connsiteY0" fmla="*/ 428357 h 428625"/>
                <a:gd name="connsiteX1" fmla="*/ 133258 w 438150"/>
                <a:gd name="connsiteY1" fmla="*/ 411783 h 428625"/>
                <a:gd name="connsiteX2" fmla="*/ 66583 w 438150"/>
                <a:gd name="connsiteY2" fmla="*/ 366635 h 428625"/>
                <a:gd name="connsiteX3" fmla="*/ 22864 w 438150"/>
                <a:gd name="connsiteY3" fmla="*/ 299960 h 428625"/>
                <a:gd name="connsiteX4" fmla="*/ 7147 w 438150"/>
                <a:gd name="connsiteY4" fmla="*/ 218807 h 428625"/>
                <a:gd name="connsiteX5" fmla="*/ 7147 w 438150"/>
                <a:gd name="connsiteY5" fmla="*/ 217569 h 428625"/>
                <a:gd name="connsiteX6" fmla="*/ 22864 w 438150"/>
                <a:gd name="connsiteY6" fmla="*/ 136416 h 428625"/>
                <a:gd name="connsiteX7" fmla="*/ 67155 w 438150"/>
                <a:gd name="connsiteY7" fmla="*/ 69741 h 428625"/>
                <a:gd name="connsiteX8" fmla="*/ 134687 w 438150"/>
                <a:gd name="connsiteY8" fmla="*/ 24021 h 428625"/>
                <a:gd name="connsiteX9" fmla="*/ 220888 w 438150"/>
                <a:gd name="connsiteY9" fmla="*/ 7161 h 428625"/>
                <a:gd name="connsiteX10" fmla="*/ 306613 w 438150"/>
                <a:gd name="connsiteY10" fmla="*/ 23735 h 428625"/>
                <a:gd name="connsiteX11" fmla="*/ 373288 w 438150"/>
                <a:gd name="connsiteY11" fmla="*/ 68883 h 428625"/>
                <a:gd name="connsiteX12" fmla="*/ 416913 w 438150"/>
                <a:gd name="connsiteY12" fmla="*/ 135558 h 428625"/>
                <a:gd name="connsiteX13" fmla="*/ 432629 w 438150"/>
                <a:gd name="connsiteY13" fmla="*/ 216711 h 428625"/>
                <a:gd name="connsiteX14" fmla="*/ 432629 w 438150"/>
                <a:gd name="connsiteY14" fmla="*/ 217854 h 428625"/>
                <a:gd name="connsiteX15" fmla="*/ 416913 w 438150"/>
                <a:gd name="connsiteY15" fmla="*/ 299103 h 428625"/>
                <a:gd name="connsiteX16" fmla="*/ 372717 w 438150"/>
                <a:gd name="connsiteY16" fmla="*/ 365778 h 428625"/>
                <a:gd name="connsiteX17" fmla="*/ 218983 w 438150"/>
                <a:gd name="connsiteY17" fmla="*/ 428357 h 428625"/>
                <a:gd name="connsiteX18" fmla="*/ 220222 w 438150"/>
                <a:gd name="connsiteY18" fmla="*/ 361682 h 428625"/>
                <a:gd name="connsiteX19" fmla="*/ 319091 w 438150"/>
                <a:gd name="connsiteY19" fmla="*/ 319677 h 428625"/>
                <a:gd name="connsiteX20" fmla="*/ 347666 w 438150"/>
                <a:gd name="connsiteY20" fmla="*/ 274147 h 428625"/>
                <a:gd name="connsiteX21" fmla="*/ 357858 w 438150"/>
                <a:gd name="connsiteY21" fmla="*/ 218140 h 428625"/>
                <a:gd name="connsiteX22" fmla="*/ 357858 w 438150"/>
                <a:gd name="connsiteY22" fmla="*/ 216997 h 428625"/>
                <a:gd name="connsiteX23" fmla="*/ 347666 w 438150"/>
                <a:gd name="connsiteY23" fmla="*/ 160704 h 428625"/>
                <a:gd name="connsiteX24" fmla="*/ 275181 w 438150"/>
                <a:gd name="connsiteY24" fmla="*/ 83457 h 428625"/>
                <a:gd name="connsiteX25" fmla="*/ 163738 w 438150"/>
                <a:gd name="connsiteY25" fmla="*/ 83457 h 428625"/>
                <a:gd name="connsiteX26" fmla="*/ 120304 w 438150"/>
                <a:gd name="connsiteY26" fmla="*/ 114318 h 428625"/>
                <a:gd name="connsiteX27" fmla="*/ 91729 w 438150"/>
                <a:gd name="connsiteY27" fmla="*/ 160133 h 428625"/>
                <a:gd name="connsiteX28" fmla="*/ 81537 w 438150"/>
                <a:gd name="connsiteY28" fmla="*/ 216140 h 428625"/>
                <a:gd name="connsiteX29" fmla="*/ 81538 w 438150"/>
                <a:gd name="connsiteY29" fmla="*/ 217283 h 428625"/>
                <a:gd name="connsiteX30" fmla="*/ 91729 w 438150"/>
                <a:gd name="connsiteY30" fmla="*/ 273290 h 428625"/>
                <a:gd name="connsiteX31" fmla="*/ 120304 w 438150"/>
                <a:gd name="connsiteY31" fmla="*/ 319391 h 428625"/>
                <a:gd name="connsiteX32" fmla="*/ 164310 w 438150"/>
                <a:gd name="connsiteY32" fmla="*/ 350633 h 428625"/>
                <a:gd name="connsiteX33" fmla="*/ 220222 w 438150"/>
                <a:gd name="connsiteY33" fmla="*/ 361968 h 4286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Lst>
              <a:rect l="l" t="t" r="r" b="b"/>
              <a:pathLst>
                <a:path w="438150" h="428625">
                  <a:moveTo>
                    <a:pt x="218983" y="428357"/>
                  </a:moveTo>
                  <a:cubicBezTo>
                    <a:pt x="189583" y="428674"/>
                    <a:pt x="160422" y="423037"/>
                    <a:pt x="133258" y="411783"/>
                  </a:cubicBezTo>
                  <a:cubicBezTo>
                    <a:pt x="108249" y="401324"/>
                    <a:pt x="85580" y="385974"/>
                    <a:pt x="66583" y="366635"/>
                  </a:cubicBezTo>
                  <a:cubicBezTo>
                    <a:pt x="47851" y="347434"/>
                    <a:pt x="33006" y="324794"/>
                    <a:pt x="22864" y="299960"/>
                  </a:cubicBezTo>
                  <a:cubicBezTo>
                    <a:pt x="12325" y="274210"/>
                    <a:pt x="6984" y="246630"/>
                    <a:pt x="7147" y="218807"/>
                  </a:cubicBezTo>
                  <a:lnTo>
                    <a:pt x="7147" y="217569"/>
                  </a:lnTo>
                  <a:cubicBezTo>
                    <a:pt x="6984" y="189746"/>
                    <a:pt x="12325" y="162166"/>
                    <a:pt x="22864" y="136416"/>
                  </a:cubicBezTo>
                  <a:cubicBezTo>
                    <a:pt x="33146" y="111519"/>
                    <a:pt x="48191" y="88870"/>
                    <a:pt x="67155" y="69741"/>
                  </a:cubicBezTo>
                  <a:cubicBezTo>
                    <a:pt x="86504" y="50285"/>
                    <a:pt x="109437" y="34760"/>
                    <a:pt x="134687" y="24021"/>
                  </a:cubicBezTo>
                  <a:cubicBezTo>
                    <a:pt x="161953" y="12523"/>
                    <a:pt x="191300" y="6783"/>
                    <a:pt x="220888" y="7161"/>
                  </a:cubicBezTo>
                  <a:cubicBezTo>
                    <a:pt x="250288" y="6854"/>
                    <a:pt x="279446" y="12492"/>
                    <a:pt x="306613" y="23735"/>
                  </a:cubicBezTo>
                  <a:cubicBezTo>
                    <a:pt x="331611" y="34217"/>
                    <a:pt x="354275" y="49564"/>
                    <a:pt x="373288" y="68883"/>
                  </a:cubicBezTo>
                  <a:cubicBezTo>
                    <a:pt x="392011" y="88073"/>
                    <a:pt x="406827" y="110718"/>
                    <a:pt x="416913" y="135558"/>
                  </a:cubicBezTo>
                  <a:cubicBezTo>
                    <a:pt x="427461" y="161306"/>
                    <a:pt x="432803" y="188888"/>
                    <a:pt x="432629" y="216711"/>
                  </a:cubicBezTo>
                  <a:lnTo>
                    <a:pt x="432629" y="217854"/>
                  </a:lnTo>
                  <a:cubicBezTo>
                    <a:pt x="432803" y="245709"/>
                    <a:pt x="427461" y="273322"/>
                    <a:pt x="416913" y="299103"/>
                  </a:cubicBezTo>
                  <a:cubicBezTo>
                    <a:pt x="406665" y="323995"/>
                    <a:pt x="391652" y="346644"/>
                    <a:pt x="372717" y="365778"/>
                  </a:cubicBezTo>
                  <a:cubicBezTo>
                    <a:pt x="332099" y="406653"/>
                    <a:pt x="276600" y="429244"/>
                    <a:pt x="218983" y="428357"/>
                  </a:cubicBezTo>
                  <a:close/>
                  <a:moveTo>
                    <a:pt x="220222" y="361682"/>
                  </a:moveTo>
                  <a:cubicBezTo>
                    <a:pt x="257610" y="362161"/>
                    <a:pt x="293481" y="346921"/>
                    <a:pt x="319091" y="319677"/>
                  </a:cubicBezTo>
                  <a:cubicBezTo>
                    <a:pt x="331504" y="306517"/>
                    <a:pt x="341213" y="291048"/>
                    <a:pt x="347666" y="274147"/>
                  </a:cubicBezTo>
                  <a:cubicBezTo>
                    <a:pt x="354525" y="256277"/>
                    <a:pt x="357982" y="237281"/>
                    <a:pt x="357858" y="218140"/>
                  </a:cubicBezTo>
                  <a:lnTo>
                    <a:pt x="357858" y="216997"/>
                  </a:lnTo>
                  <a:cubicBezTo>
                    <a:pt x="357948" y="197766"/>
                    <a:pt x="354493" y="178683"/>
                    <a:pt x="347666" y="160704"/>
                  </a:cubicBezTo>
                  <a:cubicBezTo>
                    <a:pt x="334823" y="126287"/>
                    <a:pt x="308712" y="98460"/>
                    <a:pt x="275181" y="83457"/>
                  </a:cubicBezTo>
                  <a:cubicBezTo>
                    <a:pt x="239636" y="68025"/>
                    <a:pt x="199283" y="68025"/>
                    <a:pt x="163738" y="83457"/>
                  </a:cubicBezTo>
                  <a:cubicBezTo>
                    <a:pt x="147300" y="90661"/>
                    <a:pt x="132516" y="101165"/>
                    <a:pt x="120304" y="114318"/>
                  </a:cubicBezTo>
                  <a:cubicBezTo>
                    <a:pt x="107954" y="127634"/>
                    <a:pt x="98256" y="143184"/>
                    <a:pt x="91729" y="160133"/>
                  </a:cubicBezTo>
                  <a:cubicBezTo>
                    <a:pt x="84886" y="178008"/>
                    <a:pt x="81429" y="197000"/>
                    <a:pt x="81537" y="216140"/>
                  </a:cubicBezTo>
                  <a:lnTo>
                    <a:pt x="81538" y="217283"/>
                  </a:lnTo>
                  <a:cubicBezTo>
                    <a:pt x="81421" y="236423"/>
                    <a:pt x="84877" y="255418"/>
                    <a:pt x="91729" y="273290"/>
                  </a:cubicBezTo>
                  <a:cubicBezTo>
                    <a:pt x="98242" y="290331"/>
                    <a:pt x="107940" y="305977"/>
                    <a:pt x="120304" y="319391"/>
                  </a:cubicBezTo>
                  <a:cubicBezTo>
                    <a:pt x="132678" y="332710"/>
                    <a:pt x="147656" y="343344"/>
                    <a:pt x="164310" y="350633"/>
                  </a:cubicBezTo>
                  <a:cubicBezTo>
                    <a:pt x="181946" y="358291"/>
                    <a:pt x="200996" y="362153"/>
                    <a:pt x="220222" y="361968"/>
                  </a:cubicBezTo>
                  <a:close/>
                </a:path>
              </a:pathLst>
            </a:custGeom>
            <a:solidFill>
              <a:schemeClr val="bg1"/>
            </a:solidFill>
            <a:ln w="9525" cap="flat">
              <a:noFill/>
              <a:prstDash val="solid"/>
              <a:miter/>
            </a:ln>
          </p:spPr>
          <p:txBody>
            <a:bodyPr rtlCol="0" anchor="ctr"/>
            <a:lstStyle/>
            <a:p>
              <a:endParaRPr lang="fr-FR"/>
            </a:p>
          </p:txBody>
        </p:sp>
        <p:sp>
          <p:nvSpPr>
            <p:cNvPr id="16" name="Freeform: Shape 15">
              <a:extLst>
                <a:ext uri="{FF2B5EF4-FFF2-40B4-BE49-F238E27FC236}">
                  <a16:creationId xmlns:a16="http://schemas.microsoft.com/office/drawing/2014/main" id="{5F9A081A-E818-4296-AF04-3676C01030AA}"/>
                </a:ext>
              </a:extLst>
            </p:cNvPr>
            <p:cNvSpPr/>
            <p:nvPr/>
          </p:nvSpPr>
          <p:spPr>
            <a:xfrm>
              <a:off x="-1823371" y="5011354"/>
              <a:ext cx="352425" cy="419100"/>
            </a:xfrm>
            <a:custGeom>
              <a:avLst/>
              <a:gdLst>
                <a:gd name="connsiteX0" fmla="*/ 7144 w 352425"/>
                <a:gd name="connsiteY0" fmla="*/ 7171 h 419100"/>
                <a:gd name="connsiteX1" fmla="*/ 188786 w 352425"/>
                <a:gd name="connsiteY1" fmla="*/ 7171 h 419100"/>
                <a:gd name="connsiteX2" fmla="*/ 256889 w 352425"/>
                <a:gd name="connsiteY2" fmla="*/ 17934 h 419100"/>
                <a:gd name="connsiteX3" fmla="*/ 306419 w 352425"/>
                <a:gd name="connsiteY3" fmla="*/ 47938 h 419100"/>
                <a:gd name="connsiteX4" fmla="*/ 331470 w 352425"/>
                <a:gd name="connsiteY4" fmla="*/ 86895 h 419100"/>
                <a:gd name="connsiteX5" fmla="*/ 340138 w 352425"/>
                <a:gd name="connsiteY5" fmla="*/ 135854 h 419100"/>
                <a:gd name="connsiteX6" fmla="*/ 340138 w 352425"/>
                <a:gd name="connsiteY6" fmla="*/ 136997 h 419100"/>
                <a:gd name="connsiteX7" fmla="*/ 313087 w 352425"/>
                <a:gd name="connsiteY7" fmla="*/ 217673 h 419100"/>
                <a:gd name="connsiteX8" fmla="*/ 243554 w 352425"/>
                <a:gd name="connsiteY8" fmla="*/ 260441 h 419100"/>
                <a:gd name="connsiteX9" fmla="*/ 353568 w 352425"/>
                <a:gd name="connsiteY9" fmla="*/ 414650 h 419100"/>
                <a:gd name="connsiteX10" fmla="*/ 268605 w 352425"/>
                <a:gd name="connsiteY10" fmla="*/ 414650 h 419100"/>
                <a:gd name="connsiteX11" fmla="*/ 168402 w 352425"/>
                <a:gd name="connsiteY11" fmla="*/ 272823 h 419100"/>
                <a:gd name="connsiteX12" fmla="*/ 78772 w 352425"/>
                <a:gd name="connsiteY12" fmla="*/ 272823 h 419100"/>
                <a:gd name="connsiteX13" fmla="*/ 78772 w 352425"/>
                <a:gd name="connsiteY13" fmla="*/ 414841 h 419100"/>
                <a:gd name="connsiteX14" fmla="*/ 7144 w 352425"/>
                <a:gd name="connsiteY14" fmla="*/ 414841 h 419100"/>
                <a:gd name="connsiteX15" fmla="*/ 183547 w 352425"/>
                <a:gd name="connsiteY15" fmla="*/ 209196 h 419100"/>
                <a:gd name="connsiteX16" fmla="*/ 244698 w 352425"/>
                <a:gd name="connsiteY16" fmla="*/ 190813 h 419100"/>
                <a:gd name="connsiteX17" fmla="*/ 267367 w 352425"/>
                <a:gd name="connsiteY17" fmla="*/ 141093 h 419100"/>
                <a:gd name="connsiteX18" fmla="*/ 267367 w 352425"/>
                <a:gd name="connsiteY18" fmla="*/ 139949 h 419100"/>
                <a:gd name="connsiteX19" fmla="*/ 245269 w 352425"/>
                <a:gd name="connsiteY19" fmla="*/ 89562 h 419100"/>
                <a:gd name="connsiteX20" fmla="*/ 182975 w 352425"/>
                <a:gd name="connsiteY20" fmla="*/ 72417 h 419100"/>
                <a:gd name="connsiteX21" fmla="*/ 78772 w 352425"/>
                <a:gd name="connsiteY21" fmla="*/ 72417 h 419100"/>
                <a:gd name="connsiteX22" fmla="*/ 78772 w 352425"/>
                <a:gd name="connsiteY22" fmla="*/ 209196 h 419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352425" h="419100">
                  <a:moveTo>
                    <a:pt x="7144" y="7171"/>
                  </a:moveTo>
                  <a:lnTo>
                    <a:pt x="188786" y="7171"/>
                  </a:lnTo>
                  <a:cubicBezTo>
                    <a:pt x="211939" y="6790"/>
                    <a:pt x="234982" y="10431"/>
                    <a:pt x="256889" y="17934"/>
                  </a:cubicBezTo>
                  <a:cubicBezTo>
                    <a:pt x="275324" y="24344"/>
                    <a:pt x="292201" y="34567"/>
                    <a:pt x="306419" y="47938"/>
                  </a:cubicBezTo>
                  <a:cubicBezTo>
                    <a:pt x="317253" y="59148"/>
                    <a:pt x="325766" y="72387"/>
                    <a:pt x="331470" y="86895"/>
                  </a:cubicBezTo>
                  <a:cubicBezTo>
                    <a:pt x="337403" y="102527"/>
                    <a:pt x="340343" y="119135"/>
                    <a:pt x="340138" y="135854"/>
                  </a:cubicBezTo>
                  <a:lnTo>
                    <a:pt x="340138" y="136997"/>
                  </a:lnTo>
                  <a:cubicBezTo>
                    <a:pt x="341579" y="166333"/>
                    <a:pt x="331921" y="195136"/>
                    <a:pt x="313087" y="217673"/>
                  </a:cubicBezTo>
                  <a:cubicBezTo>
                    <a:pt x="294505" y="238320"/>
                    <a:pt x="270363" y="253169"/>
                    <a:pt x="243554" y="260441"/>
                  </a:cubicBezTo>
                  <a:lnTo>
                    <a:pt x="353568" y="414650"/>
                  </a:lnTo>
                  <a:lnTo>
                    <a:pt x="268605" y="414650"/>
                  </a:lnTo>
                  <a:lnTo>
                    <a:pt x="168402" y="272823"/>
                  </a:lnTo>
                  <a:lnTo>
                    <a:pt x="78772" y="272823"/>
                  </a:lnTo>
                  <a:lnTo>
                    <a:pt x="78772" y="414841"/>
                  </a:lnTo>
                  <a:lnTo>
                    <a:pt x="7144" y="414841"/>
                  </a:lnTo>
                  <a:close/>
                  <a:moveTo>
                    <a:pt x="183547" y="209196"/>
                  </a:moveTo>
                  <a:cubicBezTo>
                    <a:pt x="205449" y="210374"/>
                    <a:pt x="227076" y="203873"/>
                    <a:pt x="244698" y="190813"/>
                  </a:cubicBezTo>
                  <a:cubicBezTo>
                    <a:pt x="259749" y="178802"/>
                    <a:pt x="268170" y="160332"/>
                    <a:pt x="267367" y="141093"/>
                  </a:cubicBezTo>
                  <a:lnTo>
                    <a:pt x="267367" y="139949"/>
                  </a:lnTo>
                  <a:cubicBezTo>
                    <a:pt x="268637" y="120559"/>
                    <a:pt x="260394" y="101763"/>
                    <a:pt x="245269" y="89562"/>
                  </a:cubicBezTo>
                  <a:cubicBezTo>
                    <a:pt x="226982" y="77093"/>
                    <a:pt x="205067" y="71061"/>
                    <a:pt x="182975" y="72417"/>
                  </a:cubicBezTo>
                  <a:lnTo>
                    <a:pt x="78772" y="72417"/>
                  </a:lnTo>
                  <a:lnTo>
                    <a:pt x="78772" y="209196"/>
                  </a:lnTo>
                  <a:close/>
                </a:path>
              </a:pathLst>
            </a:custGeom>
            <a:solidFill>
              <a:schemeClr val="bg1"/>
            </a:solidFill>
            <a:ln w="9525" cap="flat">
              <a:noFill/>
              <a:prstDash val="solid"/>
              <a:miter/>
            </a:ln>
          </p:spPr>
          <p:txBody>
            <a:bodyPr rtlCol="0" anchor="ctr"/>
            <a:lstStyle/>
            <a:p>
              <a:endParaRPr lang="fr-FR"/>
            </a:p>
          </p:txBody>
        </p:sp>
        <p:sp>
          <p:nvSpPr>
            <p:cNvPr id="17" name="Freeform: Shape 16">
              <a:extLst>
                <a:ext uri="{FF2B5EF4-FFF2-40B4-BE49-F238E27FC236}">
                  <a16:creationId xmlns:a16="http://schemas.microsoft.com/office/drawing/2014/main" id="{2F93CB37-9F90-4482-81C5-10C26B916690}"/>
                </a:ext>
              </a:extLst>
            </p:cNvPr>
            <p:cNvSpPr/>
            <p:nvPr/>
          </p:nvSpPr>
          <p:spPr>
            <a:xfrm>
              <a:off x="-3862578" y="5009827"/>
              <a:ext cx="323850" cy="428625"/>
            </a:xfrm>
            <a:custGeom>
              <a:avLst/>
              <a:gdLst>
                <a:gd name="connsiteX0" fmla="*/ 177165 w 323850"/>
                <a:gd name="connsiteY0" fmla="*/ 425606 h 428625"/>
                <a:gd name="connsiteX1" fmla="*/ 86963 w 323850"/>
                <a:gd name="connsiteY1" fmla="*/ 409605 h 428625"/>
                <a:gd name="connsiteX2" fmla="*/ 7144 w 323850"/>
                <a:gd name="connsiteY2" fmla="*/ 360455 h 428625"/>
                <a:gd name="connsiteX3" fmla="*/ 68199 w 323850"/>
                <a:gd name="connsiteY3" fmla="*/ 323784 h 428625"/>
                <a:gd name="connsiteX4" fmla="*/ 68866 w 323850"/>
                <a:gd name="connsiteY4" fmla="*/ 323784 h 428625"/>
                <a:gd name="connsiteX5" fmla="*/ 110490 w 323850"/>
                <a:gd name="connsiteY5" fmla="*/ 348263 h 428625"/>
                <a:gd name="connsiteX6" fmla="*/ 178879 w 323850"/>
                <a:gd name="connsiteY6" fmla="*/ 361980 h 428625"/>
                <a:gd name="connsiteX7" fmla="*/ 231648 w 323850"/>
                <a:gd name="connsiteY7" fmla="*/ 347692 h 428625"/>
                <a:gd name="connsiteX8" fmla="*/ 250698 w 323850"/>
                <a:gd name="connsiteY8" fmla="*/ 310735 h 428625"/>
                <a:gd name="connsiteX9" fmla="*/ 250698 w 323850"/>
                <a:gd name="connsiteY9" fmla="*/ 309592 h 428625"/>
                <a:gd name="connsiteX10" fmla="*/ 246983 w 323850"/>
                <a:gd name="connsiteY10" fmla="*/ 290066 h 428625"/>
                <a:gd name="connsiteX11" fmla="*/ 233077 w 323850"/>
                <a:gd name="connsiteY11" fmla="*/ 274349 h 428625"/>
                <a:gd name="connsiteX12" fmla="*/ 205073 w 323850"/>
                <a:gd name="connsiteY12" fmla="*/ 260348 h 428625"/>
                <a:gd name="connsiteX13" fmla="*/ 158877 w 323850"/>
                <a:gd name="connsiteY13" fmla="*/ 247584 h 428625"/>
                <a:gd name="connsiteX14" fmla="*/ 100965 w 323850"/>
                <a:gd name="connsiteY14" fmla="*/ 230439 h 428625"/>
                <a:gd name="connsiteX15" fmla="*/ 58388 w 323850"/>
                <a:gd name="connsiteY15" fmla="*/ 207103 h 428625"/>
                <a:gd name="connsiteX16" fmla="*/ 32194 w 323850"/>
                <a:gd name="connsiteY16" fmla="*/ 173670 h 428625"/>
                <a:gd name="connsiteX17" fmla="*/ 23241 w 323850"/>
                <a:gd name="connsiteY17" fmla="*/ 126045 h 428625"/>
                <a:gd name="connsiteX18" fmla="*/ 23241 w 323850"/>
                <a:gd name="connsiteY18" fmla="*/ 124902 h 428625"/>
                <a:gd name="connsiteX19" fmla="*/ 33719 w 323850"/>
                <a:gd name="connsiteY19" fmla="*/ 77277 h 428625"/>
                <a:gd name="connsiteX20" fmla="*/ 62294 w 323850"/>
                <a:gd name="connsiteY20" fmla="*/ 40034 h 428625"/>
                <a:gd name="connsiteX21" fmla="*/ 106299 w 323850"/>
                <a:gd name="connsiteY21" fmla="*/ 15841 h 428625"/>
                <a:gd name="connsiteX22" fmla="*/ 162116 w 323850"/>
                <a:gd name="connsiteY22" fmla="*/ 7173 h 428625"/>
                <a:gd name="connsiteX23" fmla="*/ 242792 w 323850"/>
                <a:gd name="connsiteY23" fmla="*/ 20222 h 428625"/>
                <a:gd name="connsiteX24" fmla="*/ 310039 w 323850"/>
                <a:gd name="connsiteY24" fmla="*/ 58322 h 428625"/>
                <a:gd name="connsiteX25" fmla="*/ 246983 w 323850"/>
                <a:gd name="connsiteY25" fmla="*/ 96422 h 428625"/>
                <a:gd name="connsiteX26" fmla="*/ 245459 w 323850"/>
                <a:gd name="connsiteY26" fmla="*/ 95660 h 428625"/>
                <a:gd name="connsiteX27" fmla="*/ 216313 w 323850"/>
                <a:gd name="connsiteY27" fmla="*/ 81563 h 428625"/>
                <a:gd name="connsiteX28" fmla="*/ 160973 w 323850"/>
                <a:gd name="connsiteY28" fmla="*/ 70800 h 428625"/>
                <a:gd name="connsiteX29" fmla="*/ 112109 w 323850"/>
                <a:gd name="connsiteY29" fmla="*/ 84707 h 428625"/>
                <a:gd name="connsiteX30" fmla="*/ 94583 w 323850"/>
                <a:gd name="connsiteY30" fmla="*/ 119092 h 428625"/>
                <a:gd name="connsiteX31" fmla="*/ 94583 w 323850"/>
                <a:gd name="connsiteY31" fmla="*/ 120235 h 428625"/>
                <a:gd name="connsiteX32" fmla="*/ 98679 w 323850"/>
                <a:gd name="connsiteY32" fmla="*/ 140904 h 428625"/>
                <a:gd name="connsiteX33" fmla="*/ 113824 w 323850"/>
                <a:gd name="connsiteY33" fmla="*/ 157192 h 428625"/>
                <a:gd name="connsiteX34" fmla="*/ 143542 w 323850"/>
                <a:gd name="connsiteY34" fmla="*/ 170908 h 428625"/>
                <a:gd name="connsiteX35" fmla="*/ 191834 w 323850"/>
                <a:gd name="connsiteY35" fmla="*/ 184338 h 428625"/>
                <a:gd name="connsiteX36" fmla="*/ 248317 w 323850"/>
                <a:gd name="connsiteY36" fmla="*/ 202340 h 428625"/>
                <a:gd name="connsiteX37" fmla="*/ 289369 w 323850"/>
                <a:gd name="connsiteY37" fmla="*/ 226534 h 428625"/>
                <a:gd name="connsiteX38" fmla="*/ 314039 w 323850"/>
                <a:gd name="connsiteY38" fmla="*/ 259681 h 428625"/>
                <a:gd name="connsiteX39" fmla="*/ 322231 w 323850"/>
                <a:gd name="connsiteY39" fmla="*/ 303591 h 428625"/>
                <a:gd name="connsiteX40" fmla="*/ 322231 w 323850"/>
                <a:gd name="connsiteY40" fmla="*/ 304829 h 428625"/>
                <a:gd name="connsiteX41" fmla="*/ 311467 w 323850"/>
                <a:gd name="connsiteY41" fmla="*/ 356074 h 428625"/>
                <a:gd name="connsiteX42" fmla="*/ 281464 w 323850"/>
                <a:gd name="connsiteY42" fmla="*/ 394174 h 428625"/>
                <a:gd name="connsiteX43" fmla="*/ 235934 w 323850"/>
                <a:gd name="connsiteY43" fmla="*/ 417224 h 428625"/>
                <a:gd name="connsiteX44" fmla="*/ 177165 w 323850"/>
                <a:gd name="connsiteY44" fmla="*/ 425606 h 4286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Lst>
              <a:rect l="l" t="t" r="r" b="b"/>
              <a:pathLst>
                <a:path w="323850" h="428625">
                  <a:moveTo>
                    <a:pt x="177165" y="425606"/>
                  </a:moveTo>
                  <a:cubicBezTo>
                    <a:pt x="146382" y="425714"/>
                    <a:pt x="115831" y="420294"/>
                    <a:pt x="86963" y="409605"/>
                  </a:cubicBezTo>
                  <a:cubicBezTo>
                    <a:pt x="57459" y="398476"/>
                    <a:pt x="30363" y="381791"/>
                    <a:pt x="7144" y="360455"/>
                  </a:cubicBezTo>
                  <a:lnTo>
                    <a:pt x="68199" y="323784"/>
                  </a:lnTo>
                  <a:cubicBezTo>
                    <a:pt x="68199" y="323784"/>
                    <a:pt x="68199" y="323784"/>
                    <a:pt x="68866" y="323784"/>
                  </a:cubicBezTo>
                  <a:cubicBezTo>
                    <a:pt x="81831" y="333400"/>
                    <a:pt x="95785" y="341606"/>
                    <a:pt x="110490" y="348263"/>
                  </a:cubicBezTo>
                  <a:cubicBezTo>
                    <a:pt x="132050" y="357652"/>
                    <a:pt x="155366" y="362328"/>
                    <a:pt x="178879" y="361980"/>
                  </a:cubicBezTo>
                  <a:cubicBezTo>
                    <a:pt x="197543" y="362973"/>
                    <a:pt x="216035" y="357966"/>
                    <a:pt x="231648" y="347692"/>
                  </a:cubicBezTo>
                  <a:cubicBezTo>
                    <a:pt x="243797" y="339350"/>
                    <a:pt x="250952" y="325470"/>
                    <a:pt x="250698" y="310735"/>
                  </a:cubicBezTo>
                  <a:lnTo>
                    <a:pt x="250698" y="309592"/>
                  </a:lnTo>
                  <a:cubicBezTo>
                    <a:pt x="250847" y="302894"/>
                    <a:pt x="249581" y="296241"/>
                    <a:pt x="246983" y="290066"/>
                  </a:cubicBezTo>
                  <a:cubicBezTo>
                    <a:pt x="243715" y="283760"/>
                    <a:pt x="238938" y="278361"/>
                    <a:pt x="233077" y="274349"/>
                  </a:cubicBezTo>
                  <a:cubicBezTo>
                    <a:pt x="224454" y="268378"/>
                    <a:pt x="215025" y="263663"/>
                    <a:pt x="205073" y="260348"/>
                  </a:cubicBezTo>
                  <a:cubicBezTo>
                    <a:pt x="189931" y="255214"/>
                    <a:pt x="174507" y="250952"/>
                    <a:pt x="158877" y="247584"/>
                  </a:cubicBezTo>
                  <a:cubicBezTo>
                    <a:pt x="139212" y="243167"/>
                    <a:pt x="119865" y="237439"/>
                    <a:pt x="100965" y="230439"/>
                  </a:cubicBezTo>
                  <a:cubicBezTo>
                    <a:pt x="85654" y="224903"/>
                    <a:pt x="71292" y="217031"/>
                    <a:pt x="58388" y="207103"/>
                  </a:cubicBezTo>
                  <a:cubicBezTo>
                    <a:pt x="47128" y="198195"/>
                    <a:pt x="38150" y="186735"/>
                    <a:pt x="32194" y="173670"/>
                  </a:cubicBezTo>
                  <a:cubicBezTo>
                    <a:pt x="25866" y="158610"/>
                    <a:pt x="22814" y="142376"/>
                    <a:pt x="23241" y="126045"/>
                  </a:cubicBezTo>
                  <a:lnTo>
                    <a:pt x="23241" y="124902"/>
                  </a:lnTo>
                  <a:cubicBezTo>
                    <a:pt x="23084" y="108439"/>
                    <a:pt x="26667" y="92155"/>
                    <a:pt x="33719" y="77277"/>
                  </a:cubicBezTo>
                  <a:cubicBezTo>
                    <a:pt x="40464" y="62958"/>
                    <a:pt x="50209" y="50257"/>
                    <a:pt x="62294" y="40034"/>
                  </a:cubicBezTo>
                  <a:cubicBezTo>
                    <a:pt x="75311" y="29275"/>
                    <a:pt x="90240" y="21067"/>
                    <a:pt x="106299" y="15841"/>
                  </a:cubicBezTo>
                  <a:cubicBezTo>
                    <a:pt x="124297" y="9886"/>
                    <a:pt x="143159" y="6957"/>
                    <a:pt x="162116" y="7173"/>
                  </a:cubicBezTo>
                  <a:cubicBezTo>
                    <a:pt x="189566" y="6737"/>
                    <a:pt x="216878" y="11155"/>
                    <a:pt x="242792" y="20222"/>
                  </a:cubicBezTo>
                  <a:cubicBezTo>
                    <a:pt x="267106" y="29234"/>
                    <a:pt x="289812" y="42098"/>
                    <a:pt x="310039" y="58322"/>
                  </a:cubicBezTo>
                  <a:lnTo>
                    <a:pt x="246983" y="96422"/>
                  </a:lnTo>
                  <a:lnTo>
                    <a:pt x="245459" y="95660"/>
                  </a:lnTo>
                  <a:cubicBezTo>
                    <a:pt x="236093" y="90271"/>
                    <a:pt x="226353" y="85560"/>
                    <a:pt x="216313" y="81563"/>
                  </a:cubicBezTo>
                  <a:cubicBezTo>
                    <a:pt x="198720" y="74484"/>
                    <a:pt x="179936" y="70831"/>
                    <a:pt x="160973" y="70800"/>
                  </a:cubicBezTo>
                  <a:cubicBezTo>
                    <a:pt x="143578" y="69748"/>
                    <a:pt x="126344" y="74653"/>
                    <a:pt x="112109" y="84707"/>
                  </a:cubicBezTo>
                  <a:cubicBezTo>
                    <a:pt x="101085" y="92690"/>
                    <a:pt x="94566" y="105481"/>
                    <a:pt x="94583" y="119092"/>
                  </a:cubicBezTo>
                  <a:lnTo>
                    <a:pt x="94583" y="120235"/>
                  </a:lnTo>
                  <a:cubicBezTo>
                    <a:pt x="94474" y="127337"/>
                    <a:pt x="95870" y="134381"/>
                    <a:pt x="98679" y="140904"/>
                  </a:cubicBezTo>
                  <a:cubicBezTo>
                    <a:pt x="102108" y="147641"/>
                    <a:pt x="107354" y="153283"/>
                    <a:pt x="113824" y="157192"/>
                  </a:cubicBezTo>
                  <a:cubicBezTo>
                    <a:pt x="123126" y="162973"/>
                    <a:pt x="133108" y="167580"/>
                    <a:pt x="143542" y="170908"/>
                  </a:cubicBezTo>
                  <a:cubicBezTo>
                    <a:pt x="155924" y="175162"/>
                    <a:pt x="172021" y="179639"/>
                    <a:pt x="191834" y="184338"/>
                  </a:cubicBezTo>
                  <a:cubicBezTo>
                    <a:pt x="211040" y="189079"/>
                    <a:pt x="229909" y="195093"/>
                    <a:pt x="248317" y="202340"/>
                  </a:cubicBezTo>
                  <a:cubicBezTo>
                    <a:pt x="263233" y="208104"/>
                    <a:pt x="277101" y="216277"/>
                    <a:pt x="289369" y="226534"/>
                  </a:cubicBezTo>
                  <a:cubicBezTo>
                    <a:pt x="300024" y="235547"/>
                    <a:pt x="308464" y="246887"/>
                    <a:pt x="314039" y="259681"/>
                  </a:cubicBezTo>
                  <a:cubicBezTo>
                    <a:pt x="319741" y="273604"/>
                    <a:pt x="322529" y="288548"/>
                    <a:pt x="322231" y="303591"/>
                  </a:cubicBezTo>
                  <a:lnTo>
                    <a:pt x="322231" y="304829"/>
                  </a:lnTo>
                  <a:cubicBezTo>
                    <a:pt x="322497" y="322498"/>
                    <a:pt x="318820" y="340005"/>
                    <a:pt x="311467" y="356074"/>
                  </a:cubicBezTo>
                  <a:cubicBezTo>
                    <a:pt x="304408" y="370837"/>
                    <a:pt x="294161" y="383850"/>
                    <a:pt x="281464" y="394174"/>
                  </a:cubicBezTo>
                  <a:cubicBezTo>
                    <a:pt x="267913" y="404717"/>
                    <a:pt x="252453" y="412544"/>
                    <a:pt x="235934" y="417224"/>
                  </a:cubicBezTo>
                  <a:cubicBezTo>
                    <a:pt x="216857" y="422865"/>
                    <a:pt x="197058" y="425688"/>
                    <a:pt x="177165" y="425606"/>
                  </a:cubicBezTo>
                  <a:close/>
                </a:path>
              </a:pathLst>
            </a:custGeom>
            <a:solidFill>
              <a:schemeClr val="bg1"/>
            </a:solidFill>
            <a:ln w="9525" cap="flat">
              <a:noFill/>
              <a:prstDash val="solid"/>
              <a:miter/>
            </a:ln>
          </p:spPr>
          <p:txBody>
            <a:bodyPr rtlCol="0" anchor="ctr"/>
            <a:lstStyle/>
            <a:p>
              <a:endParaRPr lang="fr-FR"/>
            </a:p>
          </p:txBody>
        </p:sp>
      </p:grpSp>
      <p:grpSp>
        <p:nvGrpSpPr>
          <p:cNvPr id="2" name="Group 1">
            <a:extLst>
              <a:ext uri="{FF2B5EF4-FFF2-40B4-BE49-F238E27FC236}">
                <a16:creationId xmlns:a16="http://schemas.microsoft.com/office/drawing/2014/main" id="{D79AB743-22E3-4CAA-BED0-6EAB007C6F88}"/>
              </a:ext>
            </a:extLst>
          </p:cNvPr>
          <p:cNvGrpSpPr/>
          <p:nvPr userDrawn="1"/>
        </p:nvGrpSpPr>
        <p:grpSpPr>
          <a:xfrm>
            <a:off x="5250180" y="4888006"/>
            <a:ext cx="1691640" cy="425104"/>
            <a:chOff x="7641302" y="5435575"/>
            <a:chExt cx="1691640" cy="425104"/>
          </a:xfrm>
        </p:grpSpPr>
        <p:sp>
          <p:nvSpPr>
            <p:cNvPr id="19" name="Rectangle: Rounded Corners 18">
              <a:extLst>
                <a:ext uri="{FF2B5EF4-FFF2-40B4-BE49-F238E27FC236}">
                  <a16:creationId xmlns:a16="http://schemas.microsoft.com/office/drawing/2014/main" id="{0FAAD364-CC01-4DB6-9EDD-DFE1AB2147CA}"/>
                </a:ext>
              </a:extLst>
            </p:cNvPr>
            <p:cNvSpPr/>
            <p:nvPr/>
          </p:nvSpPr>
          <p:spPr>
            <a:xfrm>
              <a:off x="7641302" y="5435575"/>
              <a:ext cx="1691640" cy="425104"/>
            </a:xfrm>
            <a:prstGeom prst="roundRect">
              <a:avLst>
                <a:gd name="adj" fmla="val 0"/>
              </a:avLst>
            </a:prstGeom>
            <a:ln>
              <a:solidFill>
                <a:schemeClr val="bg1">
                  <a:lumMod val="95000"/>
                </a:schemeClr>
              </a:solidFill>
            </a:ln>
          </p:spPr>
          <p:style>
            <a:lnRef idx="1">
              <a:schemeClr val="accent1"/>
            </a:lnRef>
            <a:fillRef idx="0">
              <a:schemeClr val="accent1"/>
            </a:fillRef>
            <a:effectRef idx="0">
              <a:schemeClr val="accent1"/>
            </a:effectRef>
            <a:fontRef idx="minor">
              <a:schemeClr val="tx1"/>
            </a:fontRef>
          </p:style>
          <p:txBody>
            <a:bodyPr lIns="0" tIns="0" rIns="252000" bIns="0" rtlCol="0" anchor="ctr"/>
            <a:lstStyle/>
            <a:p>
              <a:pPr algn="ctr"/>
              <a:r>
                <a:rPr lang="fr-FR" sz="1100" spc="100" baseline="0" dirty="0">
                  <a:solidFill>
                    <a:schemeClr val="bg1"/>
                  </a:solidFill>
                  <a:latin typeface="+mj-lt"/>
                </a:rPr>
                <a:t>VISIT US</a:t>
              </a:r>
            </a:p>
          </p:txBody>
        </p:sp>
        <p:sp>
          <p:nvSpPr>
            <p:cNvPr id="21" name="Graphic 30">
              <a:extLst>
                <a:ext uri="{FF2B5EF4-FFF2-40B4-BE49-F238E27FC236}">
                  <a16:creationId xmlns:a16="http://schemas.microsoft.com/office/drawing/2014/main" id="{DA2EB7B7-D6F7-4C8F-93B8-20234A9EE0BB}"/>
                </a:ext>
              </a:extLst>
            </p:cNvPr>
            <p:cNvSpPr/>
            <p:nvPr/>
          </p:nvSpPr>
          <p:spPr>
            <a:xfrm>
              <a:off x="8943182" y="5579170"/>
              <a:ext cx="79476" cy="137914"/>
            </a:xfrm>
            <a:custGeom>
              <a:avLst/>
              <a:gdLst>
                <a:gd name="connsiteX0" fmla="*/ 33604 w 323850"/>
                <a:gd name="connsiteY0" fmla="*/ 558660 h 561975"/>
                <a:gd name="connsiteX1" fmla="*/ 7144 w 323850"/>
                <a:gd name="connsiteY1" fmla="*/ 531257 h 561975"/>
                <a:gd name="connsiteX2" fmla="*/ 268910 w 323850"/>
                <a:gd name="connsiteY2" fmla="*/ 278511 h 561975"/>
                <a:gd name="connsiteX3" fmla="*/ 7391 w 323850"/>
                <a:gd name="connsiteY3" fmla="*/ 35033 h 561975"/>
                <a:gd name="connsiteX4" fmla="*/ 33357 w 323850"/>
                <a:gd name="connsiteY4" fmla="*/ 7144 h 561975"/>
                <a:gd name="connsiteX5" fmla="*/ 324288 w 323850"/>
                <a:gd name="connsiteY5" fmla="*/ 278016 h 561975"/>
                <a:gd name="connsiteX6" fmla="*/ 33604 w 323850"/>
                <a:gd name="connsiteY6" fmla="*/ 558660 h 5619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23850" h="561975">
                  <a:moveTo>
                    <a:pt x="33604" y="558660"/>
                  </a:moveTo>
                  <a:lnTo>
                    <a:pt x="7144" y="531257"/>
                  </a:lnTo>
                  <a:lnTo>
                    <a:pt x="268910" y="278511"/>
                  </a:lnTo>
                  <a:lnTo>
                    <a:pt x="7391" y="35033"/>
                  </a:lnTo>
                  <a:lnTo>
                    <a:pt x="33357" y="7144"/>
                  </a:lnTo>
                  <a:lnTo>
                    <a:pt x="324288" y="278016"/>
                  </a:lnTo>
                  <a:lnTo>
                    <a:pt x="33604" y="558660"/>
                  </a:lnTo>
                </a:path>
              </a:pathLst>
            </a:custGeom>
            <a:solidFill>
              <a:schemeClr val="bg1"/>
            </a:solidFill>
            <a:ln w="9525" cap="flat">
              <a:noFill/>
              <a:prstDash val="solid"/>
              <a:miter/>
            </a:ln>
          </p:spPr>
          <p:txBody>
            <a:bodyPr rtlCol="0" anchor="ctr"/>
            <a:lstStyle/>
            <a:p>
              <a:endParaRPr lang="fr-FR"/>
            </a:p>
          </p:txBody>
        </p:sp>
      </p:grpSp>
      <p:sp>
        <p:nvSpPr>
          <p:cNvPr id="22" name="Rectangle 21">
            <a:hlinkClick r:id="rId5"/>
            <a:extLst>
              <a:ext uri="{FF2B5EF4-FFF2-40B4-BE49-F238E27FC236}">
                <a16:creationId xmlns:a16="http://schemas.microsoft.com/office/drawing/2014/main" id="{AB89052F-50A1-4BC9-8E02-36EC129B12F8}"/>
              </a:ext>
            </a:extLst>
          </p:cNvPr>
          <p:cNvSpPr/>
          <p:nvPr userDrawn="1"/>
        </p:nvSpPr>
        <p:spPr>
          <a:xfrm>
            <a:off x="5207000" y="4845050"/>
            <a:ext cx="1778000" cy="511018"/>
          </a:xfrm>
          <a:prstGeom prst="rect">
            <a:avLst/>
          </a:prstGeom>
          <a:solidFill>
            <a:schemeClr val="accent2">
              <a:alpha val="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23" name="Rectangle 22">
            <a:extLst>
              <a:ext uri="{FF2B5EF4-FFF2-40B4-BE49-F238E27FC236}">
                <a16:creationId xmlns:a16="http://schemas.microsoft.com/office/drawing/2014/main" id="{2D9C42D9-6359-4049-8072-3AD80D3A28AC}"/>
              </a:ext>
            </a:extLst>
          </p:cNvPr>
          <p:cNvSpPr/>
          <p:nvPr userDrawn="1"/>
        </p:nvSpPr>
        <p:spPr>
          <a:xfrm>
            <a:off x="6345600" y="3264026"/>
            <a:ext cx="231315" cy="264881"/>
          </a:xfrm>
          <a:prstGeom prst="rect">
            <a:avLst/>
          </a:prstGeom>
          <a:noFill/>
        </p:spPr>
        <p:txBody>
          <a:bodyPr wrap="square" lIns="0" rIns="0" rtlCol="0" anchor="ctr">
            <a:spAutoFit/>
          </a:bodyPr>
          <a:lstStyle/>
          <a:p>
            <a:pPr algn="just">
              <a:lnSpc>
                <a:spcPct val="140000"/>
              </a:lnSpc>
              <a:spcAft>
                <a:spcPts val="600"/>
              </a:spcAft>
            </a:pPr>
            <a:r>
              <a:rPr lang="fr-FR" sz="900" dirty="0">
                <a:solidFill>
                  <a:schemeClr val="bg1"/>
                </a:solidFill>
                <a:latin typeface="Segoe UI Light" panose="020B0502040204020203" pitchFamily="34" charset="0"/>
                <a:cs typeface="Segoe UI Light" panose="020B0502040204020203" pitchFamily="34" charset="0"/>
              </a:rPr>
              <a:t>by</a:t>
            </a:r>
          </a:p>
        </p:txBody>
      </p:sp>
    </p:spTree>
    <p:extLst>
      <p:ext uri="{BB962C8B-B14F-4D97-AF65-F5344CB8AC3E}">
        <p14:creationId xmlns:p14="http://schemas.microsoft.com/office/powerpoint/2010/main" val="206151999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AC4087A-61C2-6549-99B9-F235988A7FF1}"/>
              </a:ext>
            </a:extLst>
          </p:cNvPr>
          <p:cNvSpPr>
            <a:spLocks noGrp="1"/>
          </p:cNvSpPr>
          <p:nvPr>
            <p:ph type="title"/>
          </p:nvPr>
        </p:nvSpPr>
        <p:spPr/>
        <p:txBody>
          <a:bodyPr/>
          <a:lstStyle/>
          <a:p>
            <a:r>
              <a:rPr lang="en-GB"/>
              <a:t>Click to edit Master title style</a:t>
            </a:r>
            <a:endParaRPr lang="en-US"/>
          </a:p>
        </p:txBody>
      </p:sp>
      <p:sp>
        <p:nvSpPr>
          <p:cNvPr id="3" name="Date Placeholder 2">
            <a:extLst>
              <a:ext uri="{FF2B5EF4-FFF2-40B4-BE49-F238E27FC236}">
                <a16:creationId xmlns:a16="http://schemas.microsoft.com/office/drawing/2014/main" id="{CE0FFB78-34F1-9F44-8A48-C178DF1D1D95}"/>
              </a:ext>
            </a:extLst>
          </p:cNvPr>
          <p:cNvSpPr>
            <a:spLocks noGrp="1"/>
          </p:cNvSpPr>
          <p:nvPr>
            <p:ph type="dt" sz="half" idx="10"/>
          </p:nvPr>
        </p:nvSpPr>
        <p:spPr/>
        <p:txBody>
          <a:bodyPr/>
          <a:lstStyle/>
          <a:p>
            <a:fld id="{A7D41626-D403-45F5-94D9-5DDB1D288B70}" type="datetime1">
              <a:rPr lang="en-US" smtClean="0"/>
              <a:t>6/3/2022</a:t>
            </a:fld>
            <a:endParaRPr lang="en-US"/>
          </a:p>
        </p:txBody>
      </p:sp>
      <p:sp>
        <p:nvSpPr>
          <p:cNvPr id="4" name="Footer Placeholder 3">
            <a:extLst>
              <a:ext uri="{FF2B5EF4-FFF2-40B4-BE49-F238E27FC236}">
                <a16:creationId xmlns:a16="http://schemas.microsoft.com/office/drawing/2014/main" id="{054603AA-7789-5C46-AF39-B72C4EBAFF76}"/>
              </a:ext>
            </a:extLst>
          </p:cNvPr>
          <p:cNvSpPr>
            <a:spLocks noGrp="1"/>
          </p:cNvSpPr>
          <p:nvPr>
            <p:ph type="ftr" sz="quarter" idx="11"/>
          </p:nvPr>
        </p:nvSpPr>
        <p:spPr/>
        <p:txBody>
          <a:bodyPr/>
          <a:lstStyle/>
          <a:p>
            <a:endParaRPr lang="en-US"/>
          </a:p>
        </p:txBody>
      </p:sp>
      <p:sp>
        <p:nvSpPr>
          <p:cNvPr id="5" name="Slide Number Placeholder 4">
            <a:extLst>
              <a:ext uri="{FF2B5EF4-FFF2-40B4-BE49-F238E27FC236}">
                <a16:creationId xmlns:a16="http://schemas.microsoft.com/office/drawing/2014/main" id="{C1A2AC99-DECD-BF47-BE86-5041478BC07C}"/>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412398875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FF2C2914-2F15-BF49-8812-5ED7DBA50689}"/>
              </a:ext>
            </a:extLst>
          </p:cNvPr>
          <p:cNvSpPr>
            <a:spLocks noGrp="1"/>
          </p:cNvSpPr>
          <p:nvPr>
            <p:ph type="dt" sz="half" idx="10"/>
          </p:nvPr>
        </p:nvSpPr>
        <p:spPr/>
        <p:txBody>
          <a:bodyPr/>
          <a:lstStyle/>
          <a:p>
            <a:fld id="{45C0CDA2-C286-43BE-90EB-4E2B64B7729D}" type="datetime1">
              <a:rPr lang="en-US" smtClean="0"/>
              <a:t>6/3/2022</a:t>
            </a:fld>
            <a:endParaRPr lang="en-US"/>
          </a:p>
        </p:txBody>
      </p:sp>
      <p:sp>
        <p:nvSpPr>
          <p:cNvPr id="3" name="Footer Placeholder 2">
            <a:extLst>
              <a:ext uri="{FF2B5EF4-FFF2-40B4-BE49-F238E27FC236}">
                <a16:creationId xmlns:a16="http://schemas.microsoft.com/office/drawing/2014/main" id="{882BF6F1-6F19-2045-AB1C-F7B90D3B2220}"/>
              </a:ext>
            </a:extLst>
          </p:cNvPr>
          <p:cNvSpPr>
            <a:spLocks noGrp="1"/>
          </p:cNvSpPr>
          <p:nvPr>
            <p:ph type="ftr" sz="quarter" idx="11"/>
          </p:nvPr>
        </p:nvSpPr>
        <p:spPr/>
        <p:txBody>
          <a:bodyPr/>
          <a:lstStyle/>
          <a:p>
            <a:endParaRPr lang="en-US"/>
          </a:p>
        </p:txBody>
      </p:sp>
      <p:sp>
        <p:nvSpPr>
          <p:cNvPr id="4" name="Slide Number Placeholder 3">
            <a:extLst>
              <a:ext uri="{FF2B5EF4-FFF2-40B4-BE49-F238E27FC236}">
                <a16:creationId xmlns:a16="http://schemas.microsoft.com/office/drawing/2014/main" id="{F0D4A04A-AF49-8B4B-AB50-14AD84612458}"/>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330196826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9698AD9-4421-824F-ACA6-A3893A0595D0}"/>
              </a:ext>
            </a:extLst>
          </p:cNvPr>
          <p:cNvSpPr>
            <a:spLocks noGrp="1"/>
          </p:cNvSpPr>
          <p:nvPr>
            <p:ph type="title"/>
          </p:nvPr>
        </p:nvSpPr>
        <p:spPr>
          <a:xfrm>
            <a:off x="839788" y="457200"/>
            <a:ext cx="3932237" cy="1600200"/>
          </a:xfrm>
        </p:spPr>
        <p:txBody>
          <a:bodyPr anchor="b"/>
          <a:lstStyle>
            <a:lvl1pPr>
              <a:defRPr sz="3200"/>
            </a:lvl1pPr>
          </a:lstStyle>
          <a:p>
            <a:r>
              <a:rPr lang="en-GB"/>
              <a:t>Click to edit Master title style</a:t>
            </a:r>
            <a:endParaRPr lang="en-US"/>
          </a:p>
        </p:txBody>
      </p:sp>
      <p:sp>
        <p:nvSpPr>
          <p:cNvPr id="3" name="Content Placeholder 2">
            <a:extLst>
              <a:ext uri="{FF2B5EF4-FFF2-40B4-BE49-F238E27FC236}">
                <a16:creationId xmlns:a16="http://schemas.microsoft.com/office/drawing/2014/main" id="{44D7064E-CCA7-C146-A853-67263CC481D6}"/>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4" name="Text Placeholder 3">
            <a:extLst>
              <a:ext uri="{FF2B5EF4-FFF2-40B4-BE49-F238E27FC236}">
                <a16:creationId xmlns:a16="http://schemas.microsoft.com/office/drawing/2014/main" id="{A3FDF862-D5A5-0F4F-B8D3-8237517CB424}"/>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GB"/>
              <a:t>Click to edit Master text styles</a:t>
            </a:r>
          </a:p>
        </p:txBody>
      </p:sp>
      <p:sp>
        <p:nvSpPr>
          <p:cNvPr id="5" name="Date Placeholder 4">
            <a:extLst>
              <a:ext uri="{FF2B5EF4-FFF2-40B4-BE49-F238E27FC236}">
                <a16:creationId xmlns:a16="http://schemas.microsoft.com/office/drawing/2014/main" id="{2C79386E-B40E-D040-BACA-B0B1FD123F61}"/>
              </a:ext>
            </a:extLst>
          </p:cNvPr>
          <p:cNvSpPr>
            <a:spLocks noGrp="1"/>
          </p:cNvSpPr>
          <p:nvPr>
            <p:ph type="dt" sz="half" idx="10"/>
          </p:nvPr>
        </p:nvSpPr>
        <p:spPr/>
        <p:txBody>
          <a:bodyPr/>
          <a:lstStyle/>
          <a:p>
            <a:fld id="{545286AD-1D29-42A3-B475-FE1F8874DBE9}" type="datetime1">
              <a:rPr lang="en-US" smtClean="0"/>
              <a:t>6/3/2022</a:t>
            </a:fld>
            <a:endParaRPr lang="en-US"/>
          </a:p>
        </p:txBody>
      </p:sp>
      <p:sp>
        <p:nvSpPr>
          <p:cNvPr id="6" name="Footer Placeholder 5">
            <a:extLst>
              <a:ext uri="{FF2B5EF4-FFF2-40B4-BE49-F238E27FC236}">
                <a16:creationId xmlns:a16="http://schemas.microsoft.com/office/drawing/2014/main" id="{98EB6310-00F8-D14B-99DD-8C50C0C222A7}"/>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A39B54AE-7814-874E-840B-6157D7B22217}"/>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299185626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FACB7A7-724E-0843-A130-D425D7678767}"/>
              </a:ext>
            </a:extLst>
          </p:cNvPr>
          <p:cNvSpPr>
            <a:spLocks noGrp="1"/>
          </p:cNvSpPr>
          <p:nvPr>
            <p:ph type="title"/>
          </p:nvPr>
        </p:nvSpPr>
        <p:spPr>
          <a:xfrm>
            <a:off x="839788" y="457200"/>
            <a:ext cx="3932237" cy="1600200"/>
          </a:xfrm>
        </p:spPr>
        <p:txBody>
          <a:bodyPr anchor="b"/>
          <a:lstStyle>
            <a:lvl1pPr>
              <a:defRPr sz="3200"/>
            </a:lvl1pPr>
          </a:lstStyle>
          <a:p>
            <a:r>
              <a:rPr lang="en-GB"/>
              <a:t>Click to edit Master title style</a:t>
            </a:r>
            <a:endParaRPr lang="en-US"/>
          </a:p>
        </p:txBody>
      </p:sp>
      <p:sp>
        <p:nvSpPr>
          <p:cNvPr id="3" name="Picture Placeholder 2">
            <a:extLst>
              <a:ext uri="{FF2B5EF4-FFF2-40B4-BE49-F238E27FC236}">
                <a16:creationId xmlns:a16="http://schemas.microsoft.com/office/drawing/2014/main" id="{9E50D6E9-A60B-6640-AE94-6A8862E94D9C}"/>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a:extLst>
              <a:ext uri="{FF2B5EF4-FFF2-40B4-BE49-F238E27FC236}">
                <a16:creationId xmlns:a16="http://schemas.microsoft.com/office/drawing/2014/main" id="{F1D153BE-7D5A-694B-AE2C-B16AEC4B39FB}"/>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GB"/>
              <a:t>Click to edit Master text styles</a:t>
            </a:r>
          </a:p>
        </p:txBody>
      </p:sp>
      <p:sp>
        <p:nvSpPr>
          <p:cNvPr id="5" name="Date Placeholder 4">
            <a:extLst>
              <a:ext uri="{FF2B5EF4-FFF2-40B4-BE49-F238E27FC236}">
                <a16:creationId xmlns:a16="http://schemas.microsoft.com/office/drawing/2014/main" id="{A755AE79-0AC7-1C4D-AD82-1294040A2413}"/>
              </a:ext>
            </a:extLst>
          </p:cNvPr>
          <p:cNvSpPr>
            <a:spLocks noGrp="1"/>
          </p:cNvSpPr>
          <p:nvPr>
            <p:ph type="dt" sz="half" idx="10"/>
          </p:nvPr>
        </p:nvSpPr>
        <p:spPr/>
        <p:txBody>
          <a:bodyPr/>
          <a:lstStyle/>
          <a:p>
            <a:fld id="{31B9310A-5FFC-4AAC-8DC7-7661081C6884}" type="datetime1">
              <a:rPr lang="en-US" smtClean="0"/>
              <a:t>6/3/2022</a:t>
            </a:fld>
            <a:endParaRPr lang="en-US"/>
          </a:p>
        </p:txBody>
      </p:sp>
      <p:sp>
        <p:nvSpPr>
          <p:cNvPr id="6" name="Footer Placeholder 5">
            <a:extLst>
              <a:ext uri="{FF2B5EF4-FFF2-40B4-BE49-F238E27FC236}">
                <a16:creationId xmlns:a16="http://schemas.microsoft.com/office/drawing/2014/main" id="{F99A74D1-43C0-8F42-AED1-3B360D23AC7D}"/>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7075EBB7-94B4-B54A-ABE4-29B9EC7F948C}"/>
              </a:ext>
            </a:extLst>
          </p:cNvPr>
          <p:cNvSpPr>
            <a:spLocks noGrp="1"/>
          </p:cNvSpPr>
          <p:nvPr>
            <p:ph type="sldNum" sz="quarter" idx="12"/>
          </p:nvPr>
        </p:nvSpPr>
        <p:spPr/>
        <p:txBody>
          <a:bodyPr/>
          <a:lstStyle/>
          <a:p>
            <a:fld id="{BCCA197E-0889-4A4B-9EF4-38D9D114EE3E}" type="slidenum">
              <a:rPr lang="en-US" smtClean="0"/>
              <a:t>‹#›</a:t>
            </a:fld>
            <a:endParaRPr lang="en-US"/>
          </a:p>
        </p:txBody>
      </p:sp>
    </p:spTree>
    <p:extLst>
      <p:ext uri="{BB962C8B-B14F-4D97-AF65-F5344CB8AC3E}">
        <p14:creationId xmlns:p14="http://schemas.microsoft.com/office/powerpoint/2010/main" val="271604017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slideLayout" Target="../slideLayouts/slideLayout24.xml"/><Relationship Id="rId18" Type="http://schemas.openxmlformats.org/officeDocument/2006/relationships/slideLayout" Target="../slideLayouts/slideLayout29.xml"/><Relationship Id="rId26" Type="http://schemas.openxmlformats.org/officeDocument/2006/relationships/slideLayout" Target="../slideLayouts/slideLayout37.xml"/><Relationship Id="rId39" Type="http://schemas.openxmlformats.org/officeDocument/2006/relationships/slideLayout" Target="../slideLayouts/slideLayout50.xml"/><Relationship Id="rId3" Type="http://schemas.openxmlformats.org/officeDocument/2006/relationships/slideLayout" Target="../slideLayouts/slideLayout14.xml"/><Relationship Id="rId21" Type="http://schemas.openxmlformats.org/officeDocument/2006/relationships/slideLayout" Target="../slideLayouts/slideLayout32.xml"/><Relationship Id="rId34" Type="http://schemas.openxmlformats.org/officeDocument/2006/relationships/slideLayout" Target="../slideLayouts/slideLayout45.xml"/><Relationship Id="rId42" Type="http://schemas.openxmlformats.org/officeDocument/2006/relationships/slideLayout" Target="../slideLayouts/slideLayout53.xml"/><Relationship Id="rId47" Type="http://schemas.openxmlformats.org/officeDocument/2006/relationships/theme" Target="../theme/theme2.xml"/><Relationship Id="rId7" Type="http://schemas.openxmlformats.org/officeDocument/2006/relationships/slideLayout" Target="../slideLayouts/slideLayout18.xml"/><Relationship Id="rId12" Type="http://schemas.openxmlformats.org/officeDocument/2006/relationships/slideLayout" Target="../slideLayouts/slideLayout23.xml"/><Relationship Id="rId17" Type="http://schemas.openxmlformats.org/officeDocument/2006/relationships/slideLayout" Target="../slideLayouts/slideLayout28.xml"/><Relationship Id="rId25" Type="http://schemas.openxmlformats.org/officeDocument/2006/relationships/slideLayout" Target="../slideLayouts/slideLayout36.xml"/><Relationship Id="rId33" Type="http://schemas.openxmlformats.org/officeDocument/2006/relationships/slideLayout" Target="../slideLayouts/slideLayout44.xml"/><Relationship Id="rId38" Type="http://schemas.openxmlformats.org/officeDocument/2006/relationships/slideLayout" Target="../slideLayouts/slideLayout49.xml"/><Relationship Id="rId46" Type="http://schemas.openxmlformats.org/officeDocument/2006/relationships/slideLayout" Target="../slideLayouts/slideLayout57.xml"/><Relationship Id="rId2" Type="http://schemas.openxmlformats.org/officeDocument/2006/relationships/slideLayout" Target="../slideLayouts/slideLayout13.xml"/><Relationship Id="rId16" Type="http://schemas.openxmlformats.org/officeDocument/2006/relationships/slideLayout" Target="../slideLayouts/slideLayout27.xml"/><Relationship Id="rId20" Type="http://schemas.openxmlformats.org/officeDocument/2006/relationships/slideLayout" Target="../slideLayouts/slideLayout31.xml"/><Relationship Id="rId29" Type="http://schemas.openxmlformats.org/officeDocument/2006/relationships/slideLayout" Target="../slideLayouts/slideLayout40.xml"/><Relationship Id="rId41" Type="http://schemas.openxmlformats.org/officeDocument/2006/relationships/slideLayout" Target="../slideLayouts/slideLayout52.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24" Type="http://schemas.openxmlformats.org/officeDocument/2006/relationships/slideLayout" Target="../slideLayouts/slideLayout35.xml"/><Relationship Id="rId32" Type="http://schemas.openxmlformats.org/officeDocument/2006/relationships/slideLayout" Target="../slideLayouts/slideLayout43.xml"/><Relationship Id="rId37" Type="http://schemas.openxmlformats.org/officeDocument/2006/relationships/slideLayout" Target="../slideLayouts/slideLayout48.xml"/><Relationship Id="rId40" Type="http://schemas.openxmlformats.org/officeDocument/2006/relationships/slideLayout" Target="../slideLayouts/slideLayout51.xml"/><Relationship Id="rId45" Type="http://schemas.openxmlformats.org/officeDocument/2006/relationships/slideLayout" Target="../slideLayouts/slideLayout56.xml"/><Relationship Id="rId5" Type="http://schemas.openxmlformats.org/officeDocument/2006/relationships/slideLayout" Target="../slideLayouts/slideLayout16.xml"/><Relationship Id="rId15" Type="http://schemas.openxmlformats.org/officeDocument/2006/relationships/slideLayout" Target="../slideLayouts/slideLayout26.xml"/><Relationship Id="rId23" Type="http://schemas.openxmlformats.org/officeDocument/2006/relationships/slideLayout" Target="../slideLayouts/slideLayout34.xml"/><Relationship Id="rId28" Type="http://schemas.openxmlformats.org/officeDocument/2006/relationships/slideLayout" Target="../slideLayouts/slideLayout39.xml"/><Relationship Id="rId36" Type="http://schemas.openxmlformats.org/officeDocument/2006/relationships/slideLayout" Target="../slideLayouts/slideLayout47.xml"/><Relationship Id="rId10" Type="http://schemas.openxmlformats.org/officeDocument/2006/relationships/slideLayout" Target="../slideLayouts/slideLayout21.xml"/><Relationship Id="rId19" Type="http://schemas.openxmlformats.org/officeDocument/2006/relationships/slideLayout" Target="../slideLayouts/slideLayout30.xml"/><Relationship Id="rId31" Type="http://schemas.openxmlformats.org/officeDocument/2006/relationships/slideLayout" Target="../slideLayouts/slideLayout42.xml"/><Relationship Id="rId44" Type="http://schemas.openxmlformats.org/officeDocument/2006/relationships/slideLayout" Target="../slideLayouts/slideLayout55.xml"/><Relationship Id="rId4" Type="http://schemas.openxmlformats.org/officeDocument/2006/relationships/slideLayout" Target="../slideLayouts/slideLayout15.xml"/><Relationship Id="rId9" Type="http://schemas.openxmlformats.org/officeDocument/2006/relationships/slideLayout" Target="../slideLayouts/slideLayout20.xml"/><Relationship Id="rId14" Type="http://schemas.openxmlformats.org/officeDocument/2006/relationships/slideLayout" Target="../slideLayouts/slideLayout25.xml"/><Relationship Id="rId22" Type="http://schemas.openxmlformats.org/officeDocument/2006/relationships/slideLayout" Target="../slideLayouts/slideLayout33.xml"/><Relationship Id="rId27" Type="http://schemas.openxmlformats.org/officeDocument/2006/relationships/slideLayout" Target="../slideLayouts/slideLayout38.xml"/><Relationship Id="rId30" Type="http://schemas.openxmlformats.org/officeDocument/2006/relationships/slideLayout" Target="../slideLayouts/slideLayout41.xml"/><Relationship Id="rId35" Type="http://schemas.openxmlformats.org/officeDocument/2006/relationships/slideLayout" Target="../slideLayouts/slideLayout46.xml"/><Relationship Id="rId43" Type="http://schemas.openxmlformats.org/officeDocument/2006/relationships/slideLayout" Target="../slideLayouts/slideLayout5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99BB2533-93FE-F349-A208-24490ADB8928}"/>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GB"/>
              <a:t>Click to edit Master title style</a:t>
            </a:r>
            <a:endParaRPr lang="en-US"/>
          </a:p>
        </p:txBody>
      </p:sp>
      <p:sp>
        <p:nvSpPr>
          <p:cNvPr id="3" name="Text Placeholder 2">
            <a:extLst>
              <a:ext uri="{FF2B5EF4-FFF2-40B4-BE49-F238E27FC236}">
                <a16:creationId xmlns:a16="http://schemas.microsoft.com/office/drawing/2014/main" id="{980475E2-30B9-F44D-914A-293758301C7B}"/>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4" name="Date Placeholder 3">
            <a:extLst>
              <a:ext uri="{FF2B5EF4-FFF2-40B4-BE49-F238E27FC236}">
                <a16:creationId xmlns:a16="http://schemas.microsoft.com/office/drawing/2014/main" id="{711750A8-BA4D-7444-AF03-68EA0484D410}"/>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EE6809D5-1A7B-47A7-9B92-ECF1B3A245AA}" type="datetime1">
              <a:rPr lang="en-US" smtClean="0"/>
              <a:t>6/3/2022</a:t>
            </a:fld>
            <a:endParaRPr lang="en-US"/>
          </a:p>
        </p:txBody>
      </p:sp>
      <p:sp>
        <p:nvSpPr>
          <p:cNvPr id="5" name="Footer Placeholder 4">
            <a:extLst>
              <a:ext uri="{FF2B5EF4-FFF2-40B4-BE49-F238E27FC236}">
                <a16:creationId xmlns:a16="http://schemas.microsoft.com/office/drawing/2014/main" id="{A2B04A80-6D60-2A4E-B86F-F2EFF56A4ED6}"/>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a:extLst>
              <a:ext uri="{FF2B5EF4-FFF2-40B4-BE49-F238E27FC236}">
                <a16:creationId xmlns:a16="http://schemas.microsoft.com/office/drawing/2014/main" id="{9A693857-E8B0-C743-A29D-2EC3E6D395D9}"/>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CCA197E-0889-4A4B-9EF4-38D9D114EE3E}" type="slidenum">
              <a:rPr lang="en-US" smtClean="0"/>
              <a:t>‹#›</a:t>
            </a:fld>
            <a:endParaRPr lang="en-US"/>
          </a:p>
        </p:txBody>
      </p:sp>
    </p:spTree>
    <p:extLst>
      <p:ext uri="{BB962C8B-B14F-4D97-AF65-F5344CB8AC3E}">
        <p14:creationId xmlns:p14="http://schemas.microsoft.com/office/powerpoint/2010/main" val="1988666700"/>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u texte 1">
            <a:extLst>
              <a:ext uri="{FF2B5EF4-FFF2-40B4-BE49-F238E27FC236}">
                <a16:creationId xmlns:a16="http://schemas.microsoft.com/office/drawing/2014/main" id="{FC0C2059-8C38-4CB4-80C3-6F18F2A8F423}"/>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fr-FR" dirty="0"/>
              <a:t>Modifier les styles du texte du masque</a:t>
            </a:r>
          </a:p>
          <a:p>
            <a:pPr lvl="1"/>
            <a:r>
              <a:rPr lang="fr-FR" dirty="0"/>
              <a:t>Deuxième niveau</a:t>
            </a:r>
          </a:p>
          <a:p>
            <a:pPr lvl="2"/>
            <a:r>
              <a:rPr lang="fr-FR" dirty="0"/>
              <a:t>Troisième niveau</a:t>
            </a:r>
          </a:p>
        </p:txBody>
      </p:sp>
    </p:spTree>
    <p:extLst>
      <p:ext uri="{BB962C8B-B14F-4D97-AF65-F5344CB8AC3E}">
        <p14:creationId xmlns:p14="http://schemas.microsoft.com/office/powerpoint/2010/main" val="1058555057"/>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 id="2147483674" r:id="rId14"/>
    <p:sldLayoutId id="2147483675" r:id="rId15"/>
    <p:sldLayoutId id="2147483676" r:id="rId16"/>
    <p:sldLayoutId id="2147483677" r:id="rId17"/>
    <p:sldLayoutId id="2147483678" r:id="rId18"/>
    <p:sldLayoutId id="2147483679" r:id="rId19"/>
    <p:sldLayoutId id="2147483680" r:id="rId20"/>
    <p:sldLayoutId id="2147483681" r:id="rId21"/>
    <p:sldLayoutId id="2147483682" r:id="rId22"/>
    <p:sldLayoutId id="2147483683" r:id="rId23"/>
    <p:sldLayoutId id="2147483684" r:id="rId24"/>
    <p:sldLayoutId id="2147483685" r:id="rId25"/>
    <p:sldLayoutId id="2147483686" r:id="rId26"/>
    <p:sldLayoutId id="2147483687" r:id="rId27"/>
    <p:sldLayoutId id="2147483688" r:id="rId28"/>
    <p:sldLayoutId id="2147483689" r:id="rId29"/>
    <p:sldLayoutId id="2147483690" r:id="rId30"/>
    <p:sldLayoutId id="2147483691" r:id="rId31"/>
    <p:sldLayoutId id="2147483692" r:id="rId32"/>
    <p:sldLayoutId id="2147483693" r:id="rId33"/>
    <p:sldLayoutId id="2147483694" r:id="rId34"/>
    <p:sldLayoutId id="2147483695" r:id="rId35"/>
    <p:sldLayoutId id="2147483696" r:id="rId36"/>
    <p:sldLayoutId id="2147483697" r:id="rId37"/>
    <p:sldLayoutId id="2147483698" r:id="rId38"/>
    <p:sldLayoutId id="2147483699" r:id="rId39"/>
    <p:sldLayoutId id="2147483700" r:id="rId40"/>
    <p:sldLayoutId id="2147483701" r:id="rId41"/>
    <p:sldLayoutId id="2147483702" r:id="rId42"/>
    <p:sldLayoutId id="2147483703" r:id="rId43"/>
    <p:sldLayoutId id="2147483704" r:id="rId44"/>
    <p:sldLayoutId id="2147483705" r:id="rId45"/>
    <p:sldLayoutId id="2147483706" r:id="rId46"/>
  </p:sldLayoutIdLst>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36000" indent="-228600" algn="l" defTabSz="914400" rtl="0" eaLnBrk="1" latinLnBrk="0" hangingPunct="1">
        <a:lnSpc>
          <a:spcPct val="110000"/>
        </a:lnSpc>
        <a:spcBef>
          <a:spcPts val="0"/>
        </a:spcBef>
        <a:spcAft>
          <a:spcPts val="600"/>
        </a:spcAft>
        <a:buFont typeface="Arial" panose="020B0604020202020204" pitchFamily="34" charset="0"/>
        <a:buChar char="•"/>
        <a:defRPr kumimoji="0" lang="fr-FR" sz="3600" b="0" i="0" u="none" strike="noStrike" kern="1200" cap="none" spc="0" normalizeH="0" baseline="0" dirty="0" smtClean="0">
          <a:ln>
            <a:noFill/>
          </a:ln>
          <a:solidFill>
            <a:schemeClr val="accent1"/>
          </a:solidFill>
          <a:effectLst/>
          <a:uLnTx/>
          <a:uFillTx/>
          <a:latin typeface="Segoe UI Semibold" panose="020B0702040204020203" pitchFamily="34" charset="0"/>
          <a:ea typeface="+mn-ea"/>
          <a:cs typeface="Segoe UI Semibold" panose="020B0702040204020203" pitchFamily="34" charset="0"/>
        </a:defRPr>
      </a:lvl1pPr>
      <a:lvl2pPr marL="36000" indent="-228600" algn="l" defTabSz="914400" rtl="0" eaLnBrk="1" latinLnBrk="0" hangingPunct="1">
        <a:lnSpc>
          <a:spcPct val="100000"/>
        </a:lnSpc>
        <a:spcBef>
          <a:spcPts val="0"/>
        </a:spcBef>
        <a:spcAft>
          <a:spcPts val="600"/>
        </a:spcAft>
        <a:buClr>
          <a:schemeClr val="accent1"/>
        </a:buClr>
        <a:buFont typeface="Arial" panose="020B0604020202020204" pitchFamily="34" charset="0"/>
        <a:buChar char="•"/>
        <a:defRPr kumimoji="0" lang="fr-FR" sz="2000" b="0" i="0" u="none" strike="noStrike" kern="1200" cap="none" spc="0" normalizeH="0" baseline="0" dirty="0" smtClean="0">
          <a:ln>
            <a:noFill/>
          </a:ln>
          <a:solidFill>
            <a:schemeClr val="tx1"/>
          </a:solidFill>
          <a:effectLst/>
          <a:uLnTx/>
          <a:uFillTx/>
          <a:latin typeface="Segoe UI Semibold" panose="020B0702040204020203" pitchFamily="34" charset="0"/>
          <a:ea typeface="+mn-ea"/>
          <a:cs typeface="Segoe UI Semibold" panose="020B0702040204020203" pitchFamily="34" charset="0"/>
        </a:defRPr>
      </a:lvl2pPr>
      <a:lvl3pPr marL="36000" indent="-228600" algn="l" defTabSz="914400" rtl="0" eaLnBrk="1" latinLnBrk="0" hangingPunct="1">
        <a:lnSpc>
          <a:spcPct val="150000"/>
        </a:lnSpc>
        <a:spcBef>
          <a:spcPts val="0"/>
        </a:spcBef>
        <a:spcAft>
          <a:spcPts val="600"/>
        </a:spcAft>
        <a:buFont typeface="Arial" panose="020B0604020202020204" pitchFamily="34" charset="0"/>
        <a:buChar char="•"/>
        <a:defRPr lang="fr-FR" sz="1200" kern="1200" dirty="0" smtClean="0">
          <a:solidFill>
            <a:schemeClr val="tx1"/>
          </a:solidFill>
          <a:latin typeface="Segoe UI" panose="020B0502040204020203" pitchFamily="34" charset="0"/>
          <a:ea typeface="+mn-ea"/>
          <a:cs typeface="Segoe UI" panose="020B0502040204020203" pitchFamily="34" charset="0"/>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10.jpeg"/><Relationship Id="rId13" Type="http://schemas.openxmlformats.org/officeDocument/2006/relationships/image" Target="../media/image15.png"/><Relationship Id="rId3" Type="http://schemas.openxmlformats.org/officeDocument/2006/relationships/image" Target="../media/image5.jpeg"/><Relationship Id="rId7" Type="http://schemas.openxmlformats.org/officeDocument/2006/relationships/image" Target="../media/image9.jpeg"/><Relationship Id="rId12" Type="http://schemas.openxmlformats.org/officeDocument/2006/relationships/image" Target="../media/image14.jpeg"/><Relationship Id="rId2" Type="http://schemas.openxmlformats.org/officeDocument/2006/relationships/image" Target="../media/image4.jpeg"/><Relationship Id="rId1" Type="http://schemas.openxmlformats.org/officeDocument/2006/relationships/slideLayout" Target="../slideLayouts/slideLayout1.xml"/><Relationship Id="rId6" Type="http://schemas.openxmlformats.org/officeDocument/2006/relationships/image" Target="../media/image8.jpeg"/><Relationship Id="rId11" Type="http://schemas.openxmlformats.org/officeDocument/2006/relationships/image" Target="../media/image13.jpeg"/><Relationship Id="rId5" Type="http://schemas.openxmlformats.org/officeDocument/2006/relationships/image" Target="../media/image7.jpeg"/><Relationship Id="rId10" Type="http://schemas.openxmlformats.org/officeDocument/2006/relationships/image" Target="../media/image12.jpeg"/><Relationship Id="rId4" Type="http://schemas.openxmlformats.org/officeDocument/2006/relationships/image" Target="../media/image6.jpeg"/><Relationship Id="rId9" Type="http://schemas.openxmlformats.org/officeDocument/2006/relationships/image" Target="../media/image11.jpe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3" Type="http://schemas.openxmlformats.org/officeDocument/2006/relationships/hyperlink" Target="http://www.taxombud.gov.za/Pages/default.aspx" TargetMode="External"/><Relationship Id="rId2" Type="http://schemas.openxmlformats.org/officeDocument/2006/relationships/hyperlink" Target="mailto:complaints@taxombud.gov.za" TargetMode="External"/><Relationship Id="rId1" Type="http://schemas.openxmlformats.org/officeDocument/2006/relationships/slideLayout" Target="../slideLayouts/slideLayout1.xml"/><Relationship Id="rId4" Type="http://schemas.openxmlformats.org/officeDocument/2006/relationships/image" Target="../media/image18.png"/></Relationships>
</file>

<file path=ppt/slides/_rels/slide2.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xml"/><Relationship Id="rId1" Type="http://schemas.openxmlformats.org/officeDocument/2006/relationships/slideLayout" Target="../slideLayouts/slideLayout36.xml"/></Relationships>
</file>

<file path=ppt/slides/_rels/slide3.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7.jpeg"/><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7.jpeg"/><Relationship Id="rId1" Type="http://schemas.openxmlformats.org/officeDocument/2006/relationships/slideLayout" Target="../slideLayouts/slideLayout1.xml"/><Relationship Id="rId4" Type="http://schemas.openxmlformats.org/officeDocument/2006/relationships/image" Target="../media/image17.png"/></Relationships>
</file>

<file path=ppt/slides/_rels/slide5.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7" name="Picture 136" descr="A picture containing indoor, cup, stack&#10;&#10;Description automatically generated">
            <a:extLst>
              <a:ext uri="{FF2B5EF4-FFF2-40B4-BE49-F238E27FC236}">
                <a16:creationId xmlns:a16="http://schemas.microsoft.com/office/drawing/2014/main" id="{16313E7A-00E5-664E-B11C-1E06F53757AA}"/>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7411415" y="6165261"/>
            <a:ext cx="1076804" cy="717869"/>
          </a:xfrm>
          <a:prstGeom prst="rect">
            <a:avLst/>
          </a:prstGeom>
        </p:spPr>
      </p:pic>
      <p:pic>
        <p:nvPicPr>
          <p:cNvPr id="135" name="Picture 134" descr="A picture containing person, outdoor&#10;&#10;Description automatically generated">
            <a:extLst>
              <a:ext uri="{FF2B5EF4-FFF2-40B4-BE49-F238E27FC236}">
                <a16:creationId xmlns:a16="http://schemas.microsoft.com/office/drawing/2014/main" id="{EE7B23B7-C6A9-5745-987B-61FD9BFC26EF}"/>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9876751" y="4913074"/>
            <a:ext cx="1080655" cy="1090075"/>
          </a:xfrm>
          <a:prstGeom prst="rect">
            <a:avLst/>
          </a:prstGeom>
        </p:spPr>
      </p:pic>
      <p:pic>
        <p:nvPicPr>
          <p:cNvPr id="133" name="Picture 132" descr="A picture containing person, preparing, suit&#10;&#10;Description automatically generated">
            <a:extLst>
              <a:ext uri="{FF2B5EF4-FFF2-40B4-BE49-F238E27FC236}">
                <a16:creationId xmlns:a16="http://schemas.microsoft.com/office/drawing/2014/main" id="{8ACCFAE2-53AD-7E44-9F0D-832B097BDA44}"/>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4942227" y="6171493"/>
            <a:ext cx="2311398" cy="1512638"/>
          </a:xfrm>
          <a:prstGeom prst="rect">
            <a:avLst/>
          </a:prstGeom>
        </p:spPr>
      </p:pic>
      <p:pic>
        <p:nvPicPr>
          <p:cNvPr id="125" name="Picture 124" descr="Calendar&#10;&#10;Description automatically generated">
            <a:extLst>
              <a:ext uri="{FF2B5EF4-FFF2-40B4-BE49-F238E27FC236}">
                <a16:creationId xmlns:a16="http://schemas.microsoft.com/office/drawing/2014/main" id="{1FBF7368-5E54-DA47-B2D7-ADC09940A227}"/>
              </a:ext>
            </a:extLst>
          </p:cNvPr>
          <p:cNvPicPr>
            <a:picLocks noChangeAspect="1"/>
          </p:cNvPicPr>
          <p:nvPr/>
        </p:nvPicPr>
        <p:blipFill rotWithShape="1">
          <a:blip r:embed="rId5" cstate="email">
            <a:extLst>
              <a:ext uri="{28A0092B-C50C-407E-A947-70E740481C1C}">
                <a14:useLocalDpi xmlns:a14="http://schemas.microsoft.com/office/drawing/2010/main"/>
              </a:ext>
            </a:extLst>
          </a:blip>
          <a:srcRect r="-14246"/>
          <a:stretch/>
        </p:blipFill>
        <p:spPr>
          <a:xfrm>
            <a:off x="9876751" y="6165261"/>
            <a:ext cx="1234593" cy="893948"/>
          </a:xfrm>
          <a:prstGeom prst="rect">
            <a:avLst/>
          </a:prstGeom>
        </p:spPr>
      </p:pic>
      <p:pic>
        <p:nvPicPr>
          <p:cNvPr id="121" name="Picture 120" descr="A picture containing wall, indoor, scale, device&#10;&#10;Description automatically generated">
            <a:extLst>
              <a:ext uri="{FF2B5EF4-FFF2-40B4-BE49-F238E27FC236}">
                <a16:creationId xmlns:a16="http://schemas.microsoft.com/office/drawing/2014/main" id="{A7ABE948-316C-C045-B2C9-BF47A71C9A1C}"/>
              </a:ext>
            </a:extLst>
          </p:cNvPr>
          <p:cNvPicPr>
            <a:picLocks noChangeAspect="1"/>
          </p:cNvPicPr>
          <p:nvPr/>
        </p:nvPicPr>
        <p:blipFill rotWithShape="1">
          <a:blip r:embed="rId6" cstate="email">
            <a:extLst>
              <a:ext uri="{28A0092B-C50C-407E-A947-70E740481C1C}">
                <a14:useLocalDpi xmlns:a14="http://schemas.microsoft.com/office/drawing/2010/main"/>
              </a:ext>
            </a:extLst>
          </a:blip>
          <a:srcRect/>
          <a:stretch/>
        </p:blipFill>
        <p:spPr>
          <a:xfrm>
            <a:off x="9876752" y="2479941"/>
            <a:ext cx="1080655" cy="1080656"/>
          </a:xfrm>
          <a:prstGeom prst="rect">
            <a:avLst/>
          </a:prstGeom>
        </p:spPr>
      </p:pic>
      <p:pic>
        <p:nvPicPr>
          <p:cNvPr id="131" name="Picture 130">
            <a:extLst>
              <a:ext uri="{FF2B5EF4-FFF2-40B4-BE49-F238E27FC236}">
                <a16:creationId xmlns:a16="http://schemas.microsoft.com/office/drawing/2014/main" id="{5ECE1130-ABDC-3146-8435-1BA92AB9F803}"/>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1237566" y="6165261"/>
            <a:ext cx="2315250" cy="1542942"/>
          </a:xfrm>
          <a:prstGeom prst="rect">
            <a:avLst/>
          </a:prstGeom>
        </p:spPr>
      </p:pic>
      <p:pic>
        <p:nvPicPr>
          <p:cNvPr id="127" name="Picture 126" descr="A person talking on the phone&#10;&#10;Description automatically generated with medium confidence">
            <a:extLst>
              <a:ext uri="{FF2B5EF4-FFF2-40B4-BE49-F238E27FC236}">
                <a16:creationId xmlns:a16="http://schemas.microsoft.com/office/drawing/2014/main" id="{AFF267E6-3C5C-3243-BCD5-B49D61457DFC}"/>
              </a:ext>
            </a:extLst>
          </p:cNvPr>
          <p:cNvPicPr>
            <a:picLocks noChangeAspect="1"/>
          </p:cNvPicPr>
          <p:nvPr/>
        </p:nvPicPr>
        <p:blipFill rotWithShape="1">
          <a:blip r:embed="rId8" cstate="email">
            <a:extLst>
              <a:ext uri="{28A0092B-C50C-407E-A947-70E740481C1C}">
                <a14:useLocalDpi xmlns:a14="http://schemas.microsoft.com/office/drawing/2010/main"/>
              </a:ext>
            </a:extLst>
          </a:blip>
          <a:srcRect/>
          <a:stretch/>
        </p:blipFill>
        <p:spPr>
          <a:xfrm>
            <a:off x="-1" y="4922788"/>
            <a:ext cx="1080655" cy="1090074"/>
          </a:xfrm>
          <a:prstGeom prst="rect">
            <a:avLst/>
          </a:prstGeom>
        </p:spPr>
      </p:pic>
      <p:pic>
        <p:nvPicPr>
          <p:cNvPr id="123" name="Picture 122" descr="A calculator and pen on a table&#10;&#10;Description automatically generated with low confidence">
            <a:extLst>
              <a:ext uri="{FF2B5EF4-FFF2-40B4-BE49-F238E27FC236}">
                <a16:creationId xmlns:a16="http://schemas.microsoft.com/office/drawing/2014/main" id="{2F634072-A23F-D741-B540-E94B0005EF71}"/>
              </a:ext>
            </a:extLst>
          </p:cNvPr>
          <p:cNvPicPr>
            <a:picLocks noChangeAspect="1"/>
          </p:cNvPicPr>
          <p:nvPr/>
        </p:nvPicPr>
        <p:blipFill rotWithShape="1">
          <a:blip r:embed="rId9" cstate="email">
            <a:extLst>
              <a:ext uri="{28A0092B-C50C-407E-A947-70E740481C1C}">
                <a14:useLocalDpi xmlns:a14="http://schemas.microsoft.com/office/drawing/2010/main"/>
              </a:ext>
            </a:extLst>
          </a:blip>
          <a:srcRect r="-24039"/>
          <a:stretch/>
        </p:blipFill>
        <p:spPr>
          <a:xfrm>
            <a:off x="0" y="2483534"/>
            <a:ext cx="1340430" cy="1066804"/>
          </a:xfrm>
          <a:prstGeom prst="rect">
            <a:avLst/>
          </a:prstGeom>
        </p:spPr>
      </p:pic>
      <p:pic>
        <p:nvPicPr>
          <p:cNvPr id="129" name="Picture 128" descr="A person talking on the phone&#10;&#10;Description automatically generated with medium confidence">
            <a:extLst>
              <a:ext uri="{FF2B5EF4-FFF2-40B4-BE49-F238E27FC236}">
                <a16:creationId xmlns:a16="http://schemas.microsoft.com/office/drawing/2014/main" id="{C17CB248-F716-D845-9D02-E5B2F6C88A78}"/>
              </a:ext>
            </a:extLst>
          </p:cNvPr>
          <p:cNvPicPr>
            <a:picLocks noChangeAspect="1"/>
          </p:cNvPicPr>
          <p:nvPr/>
        </p:nvPicPr>
        <p:blipFill rotWithShape="1">
          <a:blip r:embed="rId10" cstate="email">
            <a:extLst>
              <a:ext uri="{28A0092B-C50C-407E-A947-70E740481C1C}">
                <a14:useLocalDpi xmlns:a14="http://schemas.microsoft.com/office/drawing/2010/main"/>
              </a:ext>
            </a:extLst>
          </a:blip>
          <a:srcRect/>
          <a:stretch/>
        </p:blipFill>
        <p:spPr>
          <a:xfrm>
            <a:off x="-1" y="1233044"/>
            <a:ext cx="1088354" cy="1080656"/>
          </a:xfrm>
          <a:prstGeom prst="rect">
            <a:avLst/>
          </a:prstGeom>
        </p:spPr>
      </p:pic>
      <p:pic>
        <p:nvPicPr>
          <p:cNvPr id="119" name="Picture 118" descr="A gavel on a table&#10;&#10;Description automatically generated with medium confidence">
            <a:extLst>
              <a:ext uri="{FF2B5EF4-FFF2-40B4-BE49-F238E27FC236}">
                <a16:creationId xmlns:a16="http://schemas.microsoft.com/office/drawing/2014/main" id="{D2F99E79-3416-B045-A67D-191C69A87BC2}"/>
              </a:ext>
            </a:extLst>
          </p:cNvPr>
          <p:cNvPicPr>
            <a:picLocks noChangeAspect="1"/>
          </p:cNvPicPr>
          <p:nvPr/>
        </p:nvPicPr>
        <p:blipFill rotWithShape="1">
          <a:blip r:embed="rId11" cstate="email">
            <a:extLst>
              <a:ext uri="{28A0092B-C50C-407E-A947-70E740481C1C}">
                <a14:useLocalDpi xmlns:a14="http://schemas.microsoft.com/office/drawing/2010/main"/>
              </a:ext>
            </a:extLst>
          </a:blip>
          <a:srcRect/>
          <a:stretch/>
        </p:blipFill>
        <p:spPr>
          <a:xfrm>
            <a:off x="1230745" y="-9"/>
            <a:ext cx="2322946" cy="1080655"/>
          </a:xfrm>
          <a:prstGeom prst="rect">
            <a:avLst/>
          </a:prstGeom>
        </p:spPr>
      </p:pic>
      <p:pic>
        <p:nvPicPr>
          <p:cNvPr id="117" name="Picture 116" descr="Graphical user interface&#10;&#10;Description automatically generated with medium confidence">
            <a:extLst>
              <a:ext uri="{FF2B5EF4-FFF2-40B4-BE49-F238E27FC236}">
                <a16:creationId xmlns:a16="http://schemas.microsoft.com/office/drawing/2014/main" id="{B6029F28-C582-C745-AB7F-27C05051D638}"/>
              </a:ext>
            </a:extLst>
          </p:cNvPr>
          <p:cNvPicPr>
            <a:picLocks noChangeAspect="1"/>
          </p:cNvPicPr>
          <p:nvPr/>
        </p:nvPicPr>
        <p:blipFill rotWithShape="1">
          <a:blip r:embed="rId12" cstate="email">
            <a:extLst>
              <a:ext uri="{28A0092B-C50C-407E-A947-70E740481C1C}">
                <a14:useLocalDpi xmlns:a14="http://schemas.microsoft.com/office/drawing/2010/main"/>
              </a:ext>
            </a:extLst>
          </a:blip>
          <a:srcRect/>
          <a:stretch/>
        </p:blipFill>
        <p:spPr>
          <a:xfrm>
            <a:off x="3707632" y="1233045"/>
            <a:ext cx="2311398" cy="1080655"/>
          </a:xfrm>
          <a:prstGeom prst="rect">
            <a:avLst/>
          </a:prstGeom>
        </p:spPr>
      </p:pic>
      <p:sp>
        <p:nvSpPr>
          <p:cNvPr id="37" name="Rectangle 36">
            <a:extLst>
              <a:ext uri="{FF2B5EF4-FFF2-40B4-BE49-F238E27FC236}">
                <a16:creationId xmlns:a16="http://schemas.microsoft.com/office/drawing/2014/main" id="{5A422A46-DBD2-E441-8DAD-9F28B211A9DE}"/>
              </a:ext>
            </a:extLst>
          </p:cNvPr>
          <p:cNvSpPr/>
          <p:nvPr/>
        </p:nvSpPr>
        <p:spPr>
          <a:xfrm>
            <a:off x="0" y="-8"/>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9" name="Rectangle 38">
            <a:extLst>
              <a:ext uri="{FF2B5EF4-FFF2-40B4-BE49-F238E27FC236}">
                <a16:creationId xmlns:a16="http://schemas.microsoft.com/office/drawing/2014/main" id="{8E5EC240-D754-C843-A7D7-222B9BA1552A}"/>
              </a:ext>
            </a:extLst>
          </p:cNvPr>
          <p:cNvSpPr/>
          <p:nvPr/>
        </p:nvSpPr>
        <p:spPr>
          <a:xfrm>
            <a:off x="1235935" y="0"/>
            <a:ext cx="2315249" cy="1080655"/>
          </a:xfrm>
          <a:prstGeom prst="rect">
            <a:avLst/>
          </a:prstGeom>
          <a:solidFill>
            <a:srgbClr val="36ABD9">
              <a:alpha val="74851"/>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0" name="Rectangle 39">
            <a:extLst>
              <a:ext uri="{FF2B5EF4-FFF2-40B4-BE49-F238E27FC236}">
                <a16:creationId xmlns:a16="http://schemas.microsoft.com/office/drawing/2014/main" id="{FA726D60-922F-CD44-B054-4942DA11F1E9}"/>
              </a:ext>
            </a:extLst>
          </p:cNvPr>
          <p:cNvSpPr/>
          <p:nvPr/>
        </p:nvSpPr>
        <p:spPr>
          <a:xfrm>
            <a:off x="3703782" y="-8"/>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1" name="Rectangle 40">
            <a:extLst>
              <a:ext uri="{FF2B5EF4-FFF2-40B4-BE49-F238E27FC236}">
                <a16:creationId xmlns:a16="http://schemas.microsoft.com/office/drawing/2014/main" id="{3F45EB1E-1403-884A-B5F4-FEC3F2BC01BD}"/>
              </a:ext>
            </a:extLst>
          </p:cNvPr>
          <p:cNvSpPr/>
          <p:nvPr/>
        </p:nvSpPr>
        <p:spPr>
          <a:xfrm>
            <a:off x="4938376" y="-8"/>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3" name="Rectangle 42">
            <a:extLst>
              <a:ext uri="{FF2B5EF4-FFF2-40B4-BE49-F238E27FC236}">
                <a16:creationId xmlns:a16="http://schemas.microsoft.com/office/drawing/2014/main" id="{1FEB7C17-7141-2740-8750-3692DAD42668}"/>
              </a:ext>
            </a:extLst>
          </p:cNvPr>
          <p:cNvSpPr/>
          <p:nvPr/>
        </p:nvSpPr>
        <p:spPr>
          <a:xfrm>
            <a:off x="6172970" y="-8"/>
            <a:ext cx="2315249" cy="2313709"/>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4" name="Rectangle 43">
            <a:extLst>
              <a:ext uri="{FF2B5EF4-FFF2-40B4-BE49-F238E27FC236}">
                <a16:creationId xmlns:a16="http://schemas.microsoft.com/office/drawing/2014/main" id="{83C409B0-B533-294A-8AF5-B610CB116E07}"/>
              </a:ext>
            </a:extLst>
          </p:cNvPr>
          <p:cNvSpPr/>
          <p:nvPr/>
        </p:nvSpPr>
        <p:spPr>
          <a:xfrm>
            <a:off x="8642158" y="-8"/>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5" name="Rectangle 44">
            <a:extLst>
              <a:ext uri="{FF2B5EF4-FFF2-40B4-BE49-F238E27FC236}">
                <a16:creationId xmlns:a16="http://schemas.microsoft.com/office/drawing/2014/main" id="{B1A823AB-38AD-C244-9B89-5AF5FA38E322}"/>
              </a:ext>
            </a:extLst>
          </p:cNvPr>
          <p:cNvSpPr/>
          <p:nvPr/>
        </p:nvSpPr>
        <p:spPr>
          <a:xfrm>
            <a:off x="9876752" y="-8"/>
            <a:ext cx="2315248" cy="2313709"/>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0" y="1233046"/>
            <a:ext cx="1080655" cy="1080655"/>
          </a:xfrm>
          <a:prstGeom prst="rect">
            <a:avLst/>
          </a:prstGeom>
          <a:solidFill>
            <a:srgbClr val="85BF4B">
              <a:alpha val="76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9" name="Rectangle 48">
            <a:extLst>
              <a:ext uri="{FF2B5EF4-FFF2-40B4-BE49-F238E27FC236}">
                <a16:creationId xmlns:a16="http://schemas.microsoft.com/office/drawing/2014/main" id="{3EE56F5F-8455-BF44-B6DA-98DFD55C6BA1}"/>
              </a:ext>
            </a:extLst>
          </p:cNvPr>
          <p:cNvSpPr/>
          <p:nvPr/>
        </p:nvSpPr>
        <p:spPr>
          <a:xfrm>
            <a:off x="1234594" y="1233046"/>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Rectangle 49">
            <a:extLst>
              <a:ext uri="{FF2B5EF4-FFF2-40B4-BE49-F238E27FC236}">
                <a16:creationId xmlns:a16="http://schemas.microsoft.com/office/drawing/2014/main" id="{B6D702F1-CDB8-5F43-B529-9EACF2D78335}"/>
              </a:ext>
            </a:extLst>
          </p:cNvPr>
          <p:cNvSpPr/>
          <p:nvPr/>
        </p:nvSpPr>
        <p:spPr>
          <a:xfrm>
            <a:off x="2469188" y="1233046"/>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2" name="Rectangle 51">
            <a:extLst>
              <a:ext uri="{FF2B5EF4-FFF2-40B4-BE49-F238E27FC236}">
                <a16:creationId xmlns:a16="http://schemas.microsoft.com/office/drawing/2014/main" id="{6D5F71C9-AE42-4847-B8BD-0A9C0D864DD0}"/>
              </a:ext>
            </a:extLst>
          </p:cNvPr>
          <p:cNvSpPr/>
          <p:nvPr/>
        </p:nvSpPr>
        <p:spPr>
          <a:xfrm>
            <a:off x="3703782" y="1233046"/>
            <a:ext cx="2315249" cy="1080655"/>
          </a:xfrm>
          <a:prstGeom prst="rect">
            <a:avLst/>
          </a:prstGeom>
          <a:solidFill>
            <a:srgbClr val="03A65A">
              <a:alpha val="74973"/>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5" name="Rectangle 54">
            <a:extLst>
              <a:ext uri="{FF2B5EF4-FFF2-40B4-BE49-F238E27FC236}">
                <a16:creationId xmlns:a16="http://schemas.microsoft.com/office/drawing/2014/main" id="{23EDFDC5-9495-EE4F-BA5C-F698E4073E9D}"/>
              </a:ext>
            </a:extLst>
          </p:cNvPr>
          <p:cNvSpPr/>
          <p:nvPr/>
        </p:nvSpPr>
        <p:spPr>
          <a:xfrm>
            <a:off x="8642158" y="1233046"/>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0" y="2479943"/>
            <a:ext cx="1080655" cy="1080655"/>
          </a:xfrm>
          <a:prstGeom prst="rect">
            <a:avLst/>
          </a:prstGeom>
          <a:solidFill>
            <a:srgbClr val="D3D936">
              <a:alpha val="7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8" name="Rectangle 67">
            <a:extLst>
              <a:ext uri="{FF2B5EF4-FFF2-40B4-BE49-F238E27FC236}">
                <a16:creationId xmlns:a16="http://schemas.microsoft.com/office/drawing/2014/main" id="{D5D03639-FEE0-CE45-8945-1BEC674B8467}"/>
              </a:ext>
            </a:extLst>
          </p:cNvPr>
          <p:cNvSpPr/>
          <p:nvPr/>
        </p:nvSpPr>
        <p:spPr>
          <a:xfrm>
            <a:off x="9876752" y="2479943"/>
            <a:ext cx="1080655" cy="1080655"/>
          </a:xfrm>
          <a:prstGeom prst="rect">
            <a:avLst/>
          </a:prstGeom>
          <a:solidFill>
            <a:srgbClr val="36ABD9">
              <a:alpha val="7481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9" name="Rectangle 68">
            <a:extLst>
              <a:ext uri="{FF2B5EF4-FFF2-40B4-BE49-F238E27FC236}">
                <a16:creationId xmlns:a16="http://schemas.microsoft.com/office/drawing/2014/main" id="{3B4BF61E-DE05-694A-8056-164F917C690F}"/>
              </a:ext>
            </a:extLst>
          </p:cNvPr>
          <p:cNvSpPr/>
          <p:nvPr/>
        </p:nvSpPr>
        <p:spPr>
          <a:xfrm>
            <a:off x="11111345" y="2479942"/>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0" y="3699154"/>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9" name="Rectangle 78">
            <a:extLst>
              <a:ext uri="{FF2B5EF4-FFF2-40B4-BE49-F238E27FC236}">
                <a16:creationId xmlns:a16="http://schemas.microsoft.com/office/drawing/2014/main" id="{EC190F84-EA66-874A-9864-008F9FB4FE10}"/>
              </a:ext>
            </a:extLst>
          </p:cNvPr>
          <p:cNvSpPr/>
          <p:nvPr/>
        </p:nvSpPr>
        <p:spPr>
          <a:xfrm>
            <a:off x="9876752" y="3699154"/>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0" name="Rectangle 79">
            <a:extLst>
              <a:ext uri="{FF2B5EF4-FFF2-40B4-BE49-F238E27FC236}">
                <a16:creationId xmlns:a16="http://schemas.microsoft.com/office/drawing/2014/main" id="{C426311D-BC33-FC4D-B3FC-797C1AA4FF28}"/>
              </a:ext>
            </a:extLst>
          </p:cNvPr>
          <p:cNvSpPr/>
          <p:nvPr/>
        </p:nvSpPr>
        <p:spPr>
          <a:xfrm>
            <a:off x="11111345" y="3699153"/>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0" y="4932208"/>
            <a:ext cx="1080655" cy="1080655"/>
          </a:xfrm>
          <a:prstGeom prst="rect">
            <a:avLst/>
          </a:prstGeom>
          <a:solidFill>
            <a:srgbClr val="36ABD9">
              <a:alpha val="75331"/>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0" name="Rectangle 89">
            <a:extLst>
              <a:ext uri="{FF2B5EF4-FFF2-40B4-BE49-F238E27FC236}">
                <a16:creationId xmlns:a16="http://schemas.microsoft.com/office/drawing/2014/main" id="{9BE7E068-B4A6-F84F-9618-BF5D64065007}"/>
              </a:ext>
            </a:extLst>
          </p:cNvPr>
          <p:cNvSpPr/>
          <p:nvPr/>
        </p:nvSpPr>
        <p:spPr>
          <a:xfrm>
            <a:off x="9876752" y="4932208"/>
            <a:ext cx="1080655" cy="1080655"/>
          </a:xfrm>
          <a:prstGeom prst="rect">
            <a:avLst/>
          </a:prstGeom>
          <a:solidFill>
            <a:srgbClr val="85BF4B">
              <a:alpha val="7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1" name="Rectangle 90">
            <a:extLst>
              <a:ext uri="{FF2B5EF4-FFF2-40B4-BE49-F238E27FC236}">
                <a16:creationId xmlns:a16="http://schemas.microsoft.com/office/drawing/2014/main" id="{378774F3-295F-F342-919E-E27013F3BEED}"/>
              </a:ext>
            </a:extLst>
          </p:cNvPr>
          <p:cNvSpPr/>
          <p:nvPr/>
        </p:nvSpPr>
        <p:spPr>
          <a:xfrm>
            <a:off x="11111345" y="4932207"/>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4" name="Rectangle 103">
            <a:extLst>
              <a:ext uri="{FF2B5EF4-FFF2-40B4-BE49-F238E27FC236}">
                <a16:creationId xmlns:a16="http://schemas.microsoft.com/office/drawing/2014/main" id="{5BBFC541-7B80-F84F-B183-93E4EA0D3C5F}"/>
              </a:ext>
            </a:extLst>
          </p:cNvPr>
          <p:cNvSpPr/>
          <p:nvPr/>
        </p:nvSpPr>
        <p:spPr>
          <a:xfrm>
            <a:off x="0" y="6165262"/>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5" name="Rectangle 104">
            <a:extLst>
              <a:ext uri="{FF2B5EF4-FFF2-40B4-BE49-F238E27FC236}">
                <a16:creationId xmlns:a16="http://schemas.microsoft.com/office/drawing/2014/main" id="{833831D7-C221-1F47-9064-3489DB1EA10F}"/>
              </a:ext>
            </a:extLst>
          </p:cNvPr>
          <p:cNvSpPr/>
          <p:nvPr/>
        </p:nvSpPr>
        <p:spPr>
          <a:xfrm>
            <a:off x="1234594" y="6165262"/>
            <a:ext cx="2315249" cy="1080655"/>
          </a:xfrm>
          <a:prstGeom prst="rect">
            <a:avLst/>
          </a:prstGeom>
          <a:solidFill>
            <a:srgbClr val="85BF4B">
              <a:alpha val="7594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7" name="Rectangle 106">
            <a:extLst>
              <a:ext uri="{FF2B5EF4-FFF2-40B4-BE49-F238E27FC236}">
                <a16:creationId xmlns:a16="http://schemas.microsoft.com/office/drawing/2014/main" id="{77CFDC0A-5383-1240-9D21-56246F8D99E7}"/>
              </a:ext>
            </a:extLst>
          </p:cNvPr>
          <p:cNvSpPr/>
          <p:nvPr/>
        </p:nvSpPr>
        <p:spPr>
          <a:xfrm>
            <a:off x="3703782" y="6165262"/>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9" name="Rectangle 108">
            <a:extLst>
              <a:ext uri="{FF2B5EF4-FFF2-40B4-BE49-F238E27FC236}">
                <a16:creationId xmlns:a16="http://schemas.microsoft.com/office/drawing/2014/main" id="{6E74388E-A691-314D-A2AC-AD40E12743FC}"/>
              </a:ext>
            </a:extLst>
          </p:cNvPr>
          <p:cNvSpPr/>
          <p:nvPr/>
        </p:nvSpPr>
        <p:spPr>
          <a:xfrm>
            <a:off x="4935404" y="6165262"/>
            <a:ext cx="2318222" cy="1080655"/>
          </a:xfrm>
          <a:prstGeom prst="rect">
            <a:avLst/>
          </a:prstGeom>
          <a:solidFill>
            <a:srgbClr val="D3D936">
              <a:alpha val="76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0" name="Rectangle 109">
            <a:extLst>
              <a:ext uri="{FF2B5EF4-FFF2-40B4-BE49-F238E27FC236}">
                <a16:creationId xmlns:a16="http://schemas.microsoft.com/office/drawing/2014/main" id="{D4F844D9-8E79-EC45-93FB-B354933F469C}"/>
              </a:ext>
            </a:extLst>
          </p:cNvPr>
          <p:cNvSpPr/>
          <p:nvPr/>
        </p:nvSpPr>
        <p:spPr>
          <a:xfrm>
            <a:off x="7407564" y="6165262"/>
            <a:ext cx="1080655" cy="1080655"/>
          </a:xfrm>
          <a:prstGeom prst="rect">
            <a:avLst/>
          </a:prstGeom>
          <a:solidFill>
            <a:srgbClr val="03A65A">
              <a:alpha val="76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1" name="Rectangle 110">
            <a:extLst>
              <a:ext uri="{FF2B5EF4-FFF2-40B4-BE49-F238E27FC236}">
                <a16:creationId xmlns:a16="http://schemas.microsoft.com/office/drawing/2014/main" id="{4601FB65-E20E-6243-928C-6A9F1DAD8334}"/>
              </a:ext>
            </a:extLst>
          </p:cNvPr>
          <p:cNvSpPr/>
          <p:nvPr/>
        </p:nvSpPr>
        <p:spPr>
          <a:xfrm>
            <a:off x="8642158" y="6165262"/>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2" name="Rectangle 111">
            <a:extLst>
              <a:ext uri="{FF2B5EF4-FFF2-40B4-BE49-F238E27FC236}">
                <a16:creationId xmlns:a16="http://schemas.microsoft.com/office/drawing/2014/main" id="{BBA2A842-362E-AF44-B8C6-3D03235F2B75}"/>
              </a:ext>
            </a:extLst>
          </p:cNvPr>
          <p:cNvSpPr/>
          <p:nvPr/>
        </p:nvSpPr>
        <p:spPr>
          <a:xfrm>
            <a:off x="9876752" y="6165262"/>
            <a:ext cx="1080655" cy="1080655"/>
          </a:xfrm>
          <a:prstGeom prst="rect">
            <a:avLst/>
          </a:prstGeom>
          <a:solidFill>
            <a:srgbClr val="D3D936">
              <a:alpha val="7531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3" name="Rectangle 112">
            <a:extLst>
              <a:ext uri="{FF2B5EF4-FFF2-40B4-BE49-F238E27FC236}">
                <a16:creationId xmlns:a16="http://schemas.microsoft.com/office/drawing/2014/main" id="{F8019B75-6AAA-D54A-8157-630F82ED98A9}"/>
              </a:ext>
            </a:extLst>
          </p:cNvPr>
          <p:cNvSpPr/>
          <p:nvPr/>
        </p:nvSpPr>
        <p:spPr>
          <a:xfrm>
            <a:off x="11111345" y="6165261"/>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15" name="Picture 114" descr="Logo, company name&#10;&#10;Description automatically generated">
            <a:extLst>
              <a:ext uri="{FF2B5EF4-FFF2-40B4-BE49-F238E27FC236}">
                <a16:creationId xmlns:a16="http://schemas.microsoft.com/office/drawing/2014/main" id="{381F340D-53C0-F242-8070-CCFBBFA31FE0}"/>
              </a:ext>
            </a:extLst>
          </p:cNvPr>
          <p:cNvPicPr>
            <a:picLocks noChangeAspect="1"/>
          </p:cNvPicPr>
          <p:nvPr/>
        </p:nvPicPr>
        <p:blipFill>
          <a:blip r:embed="rId13" cstate="email">
            <a:extLst>
              <a:ext uri="{28A0092B-C50C-407E-A947-70E740481C1C}">
                <a14:useLocalDpi xmlns:a14="http://schemas.microsoft.com/office/drawing/2010/main"/>
              </a:ext>
            </a:extLst>
          </a:blip>
          <a:stretch>
            <a:fillRect/>
          </a:stretch>
        </p:blipFill>
        <p:spPr>
          <a:xfrm>
            <a:off x="9722812" y="100936"/>
            <a:ext cx="2315248" cy="2282043"/>
          </a:xfrm>
          <a:prstGeom prst="rect">
            <a:avLst/>
          </a:prstGeom>
        </p:spPr>
      </p:pic>
      <p:sp>
        <p:nvSpPr>
          <p:cNvPr id="139" name="TextBox 138">
            <a:extLst>
              <a:ext uri="{FF2B5EF4-FFF2-40B4-BE49-F238E27FC236}">
                <a16:creationId xmlns:a16="http://schemas.microsoft.com/office/drawing/2014/main" id="{01B0EA06-30BB-AF44-8F44-4B8708958DB0}"/>
              </a:ext>
            </a:extLst>
          </p:cNvPr>
          <p:cNvSpPr txBox="1"/>
          <p:nvPr/>
        </p:nvSpPr>
        <p:spPr>
          <a:xfrm>
            <a:off x="1194989" y="2809182"/>
            <a:ext cx="8527823" cy="1920526"/>
          </a:xfrm>
          <a:prstGeom prst="rect">
            <a:avLst/>
          </a:prstGeom>
          <a:noFill/>
        </p:spPr>
        <p:txBody>
          <a:bodyPr wrap="square">
            <a:spAutoFit/>
          </a:bodyPr>
          <a:lstStyle/>
          <a:p>
            <a:pPr marL="0" marR="0" lvl="0" indent="0" algn="l" defTabSz="914400" rtl="0" eaLnBrk="1" fontAlgn="auto" latinLnBrk="0" hangingPunct="1">
              <a:lnSpc>
                <a:spcPct val="90000"/>
              </a:lnSpc>
              <a:spcBef>
                <a:spcPts val="0"/>
              </a:spcBef>
              <a:spcAft>
                <a:spcPts val="0"/>
              </a:spcAft>
              <a:buClrTx/>
              <a:buSzTx/>
              <a:buFontTx/>
              <a:buNone/>
              <a:tabLst/>
              <a:defRPr/>
            </a:pPr>
            <a:r>
              <a:rPr lang="en-GB" sz="2400" b="1" dirty="0">
                <a:solidFill>
                  <a:srgbClr val="292759"/>
                </a:solidFill>
                <a:latin typeface="Arial" panose="020B0604020202020204" pitchFamily="34" charset="0"/>
                <a:cs typeface="Arial" panose="020B0604020202020204" pitchFamily="34" charset="0"/>
              </a:rPr>
              <a:t>THE OFFICE OF THE TAX OMBUD </a:t>
            </a:r>
          </a:p>
          <a:p>
            <a:pPr marL="0" marR="0" lvl="0" indent="0" algn="l" defTabSz="914400" rtl="0" eaLnBrk="1" fontAlgn="auto" latinLnBrk="0" hangingPunct="1">
              <a:lnSpc>
                <a:spcPct val="90000"/>
              </a:lnSpc>
              <a:spcBef>
                <a:spcPts val="0"/>
              </a:spcBef>
              <a:spcAft>
                <a:spcPts val="0"/>
              </a:spcAft>
              <a:buClrTx/>
              <a:buSzTx/>
              <a:buFontTx/>
              <a:buNone/>
              <a:tabLst/>
              <a:defRPr/>
            </a:pPr>
            <a:r>
              <a:rPr kumimoji="0" lang="en-GB" sz="3600" b="1" i="0" u="none" strike="noStrike" kern="1200" cap="none" spc="0" normalizeH="0" baseline="0" dirty="0">
                <a:ln>
                  <a:noFill/>
                </a:ln>
                <a:solidFill>
                  <a:srgbClr val="03A65A"/>
                </a:solidFill>
                <a:effectLst/>
                <a:uLnTx/>
                <a:uFillTx/>
                <a:latin typeface="Arial" panose="020B0604020202020204" pitchFamily="34" charset="0"/>
                <a:ea typeface="+mn-ea"/>
                <a:cs typeface="Arial" panose="020B0604020202020204" pitchFamily="34" charset="0"/>
              </a:rPr>
              <a:t>Invitation to Brief the Select Committee of Finance on Tax Administration Challenges</a:t>
            </a:r>
          </a:p>
        </p:txBody>
      </p:sp>
      <p:cxnSp>
        <p:nvCxnSpPr>
          <p:cNvPr id="141" name="Straight Connector 140">
            <a:extLst>
              <a:ext uri="{FF2B5EF4-FFF2-40B4-BE49-F238E27FC236}">
                <a16:creationId xmlns:a16="http://schemas.microsoft.com/office/drawing/2014/main" id="{6F7A2FD0-0908-0F43-B1E9-D8DE8D3D41D6}"/>
              </a:ext>
            </a:extLst>
          </p:cNvPr>
          <p:cNvCxnSpPr/>
          <p:nvPr/>
        </p:nvCxnSpPr>
        <p:spPr>
          <a:xfrm>
            <a:off x="1237566" y="4795499"/>
            <a:ext cx="6593335" cy="0"/>
          </a:xfrm>
          <a:prstGeom prst="line">
            <a:avLst/>
          </a:prstGeom>
          <a:ln w="22225">
            <a:solidFill>
              <a:srgbClr val="03A65A"/>
            </a:solidFill>
          </a:ln>
        </p:spPr>
        <p:style>
          <a:lnRef idx="1">
            <a:schemeClr val="accent1"/>
          </a:lnRef>
          <a:fillRef idx="0">
            <a:schemeClr val="accent1"/>
          </a:fillRef>
          <a:effectRef idx="0">
            <a:schemeClr val="accent1"/>
          </a:effectRef>
          <a:fontRef idx="minor">
            <a:schemeClr val="tx1"/>
          </a:fontRef>
        </p:style>
      </p:cxnSp>
      <p:sp>
        <p:nvSpPr>
          <p:cNvPr id="4" name="Slide Number Placeholder 3"/>
          <p:cNvSpPr>
            <a:spLocks noGrp="1"/>
          </p:cNvSpPr>
          <p:nvPr>
            <p:ph type="sldNum" sz="quarter" idx="12"/>
          </p:nvPr>
        </p:nvSpPr>
        <p:spPr/>
        <p:txBody>
          <a:bodyPr/>
          <a:lstStyle/>
          <a:p>
            <a:fld id="{BCCA197E-0889-4A4B-9EF4-38D9D114EE3E}" type="slidenum">
              <a:rPr lang="en-US" smtClean="0"/>
              <a:t>1</a:t>
            </a:fld>
            <a:endParaRPr lang="en-US"/>
          </a:p>
        </p:txBody>
      </p:sp>
    </p:spTree>
    <p:extLst>
      <p:ext uri="{BB962C8B-B14F-4D97-AF65-F5344CB8AC3E}">
        <p14:creationId xmlns:p14="http://schemas.microsoft.com/office/powerpoint/2010/main" val="429266677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5" y="5009696"/>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252460"/>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a:extLst>
              <a:ext uri="{FF2B5EF4-FFF2-40B4-BE49-F238E27FC236}">
                <a16:creationId xmlns:a16="http://schemas.microsoft.com/office/drawing/2014/main" id="{662124C2-8C56-344A-8D6F-93B100047492}"/>
              </a:ext>
            </a:extLst>
          </p:cNvPr>
          <p:cNvSpPr/>
          <p:nvPr/>
        </p:nvSpPr>
        <p:spPr>
          <a:xfrm>
            <a:off x="11111345" y="5009696"/>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a:extLst>
              <a:ext uri="{FF2B5EF4-FFF2-40B4-BE49-F238E27FC236}">
                <a16:creationId xmlns:a16="http://schemas.microsoft.com/office/drawing/2014/main" id="{30186384-33E1-0C4E-8971-CC64DCF9BD4F}"/>
              </a:ext>
            </a:extLst>
          </p:cNvPr>
          <p:cNvSpPr/>
          <p:nvPr/>
        </p:nvSpPr>
        <p:spPr>
          <a:xfrm>
            <a:off x="11111345"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a:extLst>
              <a:ext uri="{FF2B5EF4-FFF2-40B4-BE49-F238E27FC236}">
                <a16:creationId xmlns:a16="http://schemas.microsoft.com/office/drawing/2014/main" id="{274C1EFF-8094-E444-99F1-460D72F147D2}"/>
              </a:ext>
            </a:extLst>
          </p:cNvPr>
          <p:cNvSpPr/>
          <p:nvPr/>
        </p:nvSpPr>
        <p:spPr>
          <a:xfrm>
            <a:off x="6096000" y="6262633"/>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1" name="Rectangle 40">
            <a:extLst>
              <a:ext uri="{FF2B5EF4-FFF2-40B4-BE49-F238E27FC236}">
                <a16:creationId xmlns:a16="http://schemas.microsoft.com/office/drawing/2014/main" id="{D05689F6-FFDB-3043-8801-78034B4EF8E8}"/>
              </a:ext>
            </a:extLst>
          </p:cNvPr>
          <p:cNvSpPr/>
          <p:nvPr/>
        </p:nvSpPr>
        <p:spPr>
          <a:xfrm>
            <a:off x="7330594" y="6252461"/>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2" name="Rectangle 41">
            <a:extLst>
              <a:ext uri="{FF2B5EF4-FFF2-40B4-BE49-F238E27FC236}">
                <a16:creationId xmlns:a16="http://schemas.microsoft.com/office/drawing/2014/main" id="{9BE6D5E6-B372-9A4E-9641-B6AFA0D37CE2}"/>
              </a:ext>
            </a:extLst>
          </p:cNvPr>
          <p:cNvSpPr/>
          <p:nvPr/>
        </p:nvSpPr>
        <p:spPr>
          <a:xfrm>
            <a:off x="8565188" y="6252461"/>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3" name="Rectangle 42">
            <a:extLst>
              <a:ext uri="{FF2B5EF4-FFF2-40B4-BE49-F238E27FC236}">
                <a16:creationId xmlns:a16="http://schemas.microsoft.com/office/drawing/2014/main" id="{640411B4-2B10-084D-90CC-AC996AEA4AD7}"/>
              </a:ext>
            </a:extLst>
          </p:cNvPr>
          <p:cNvSpPr/>
          <p:nvPr/>
        </p:nvSpPr>
        <p:spPr>
          <a:xfrm>
            <a:off x="9799781" y="6252460"/>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 name="TextBox 2">
            <a:extLst>
              <a:ext uri="{FF2B5EF4-FFF2-40B4-BE49-F238E27FC236}">
                <a16:creationId xmlns:a16="http://schemas.microsoft.com/office/drawing/2014/main" id="{632BB319-26DB-4739-85ED-8C01BB048631}"/>
              </a:ext>
            </a:extLst>
          </p:cNvPr>
          <p:cNvSpPr txBox="1"/>
          <p:nvPr/>
        </p:nvSpPr>
        <p:spPr>
          <a:xfrm>
            <a:off x="1463040" y="518160"/>
            <a:ext cx="8991600" cy="4755148"/>
          </a:xfrm>
          <a:prstGeom prst="rect">
            <a:avLst/>
          </a:prstGeom>
          <a:noFill/>
        </p:spPr>
        <p:txBody>
          <a:bodyPr wrap="square" rtlCol="0">
            <a:spAutoFit/>
          </a:bodyPr>
          <a:lstStyle/>
          <a:p>
            <a:pPr marR="0" lvl="0" algn="l" defTabSz="914400" rtl="0" eaLnBrk="1" fontAlgn="auto" latinLnBrk="0" hangingPunct="1">
              <a:lnSpc>
                <a:spcPct val="100000"/>
              </a:lnSpc>
              <a:spcBef>
                <a:spcPts val="0"/>
              </a:spcBef>
              <a:spcAft>
                <a:spcPts val="0"/>
              </a:spcAft>
              <a:buClrTx/>
              <a:buSzTx/>
              <a:tabLst/>
              <a:defRPr/>
            </a:pPr>
            <a:r>
              <a:rPr lang="en-ZA" sz="2400" b="1" dirty="0">
                <a:latin typeface="Calibri" panose="020F0502020204030204" pitchFamily="34" charset="0"/>
                <a:ea typeface="Calibri" panose="020F0502020204030204" pitchFamily="34" charset="0"/>
              </a:rPr>
              <a:t>Appeals</a:t>
            </a:r>
          </a:p>
          <a:p>
            <a:pPr algn="just">
              <a:lnSpc>
                <a:spcPct val="150000"/>
              </a:lnSpc>
              <a:defRPr/>
            </a:pPr>
            <a:r>
              <a:rPr lang="en-ZA" dirty="0">
                <a:ea typeface="Calibri" panose="020F0502020204030204" pitchFamily="34" charset="0"/>
              </a:rPr>
              <a:t>The period within which SARS finalises appeals is a major </a:t>
            </a:r>
            <a:r>
              <a:rPr lang="en-ZA" dirty="0" smtClean="0">
                <a:ea typeface="Calibri" panose="020F0502020204030204" pitchFamily="34" charset="0"/>
              </a:rPr>
              <a:t>concern</a:t>
            </a:r>
            <a:r>
              <a:rPr lang="en-ZA" dirty="0">
                <a:ea typeface="Calibri" panose="020F0502020204030204" pitchFamily="34" charset="0"/>
              </a:rPr>
              <a:t>:</a:t>
            </a:r>
          </a:p>
          <a:p>
            <a:pPr marL="285750" indent="-285750" algn="just">
              <a:lnSpc>
                <a:spcPct val="150000"/>
              </a:lnSpc>
              <a:buFont typeface="Arial" panose="020B0604020202020204" pitchFamily="34" charset="0"/>
              <a:buChar char="•"/>
              <a:defRPr/>
            </a:pPr>
            <a:r>
              <a:rPr lang="en-ZA" dirty="0">
                <a:ea typeface="Calibri" panose="020F0502020204030204" pitchFamily="34" charset="0"/>
              </a:rPr>
              <a:t>A typical appeal should not take SARS more than 120 business days to finalise (30 days to notify a taxpayer if an appeal is suitable for ADR and 90 days to finalise the ADR process).</a:t>
            </a:r>
          </a:p>
          <a:p>
            <a:pPr marL="285750" indent="-285750" algn="just">
              <a:lnSpc>
                <a:spcPct val="150000"/>
              </a:lnSpc>
              <a:buFont typeface="Arial" panose="020B0604020202020204" pitchFamily="34" charset="0"/>
              <a:buChar char="•"/>
              <a:defRPr/>
            </a:pPr>
            <a:r>
              <a:rPr lang="en-ZA" dirty="0">
                <a:ea typeface="Calibri" panose="020F0502020204030204" pitchFamily="34" charset="0"/>
              </a:rPr>
              <a:t>Only a very small portion of appeals move beyond the ADR process and are referred </a:t>
            </a:r>
            <a:r>
              <a:rPr lang="en-ZA" dirty="0" smtClean="0">
                <a:ea typeface="Calibri" panose="020F0502020204030204" pitchFamily="34" charset="0"/>
              </a:rPr>
              <a:t>to the  </a:t>
            </a:r>
            <a:r>
              <a:rPr lang="en-ZA" dirty="0">
                <a:ea typeface="Calibri" panose="020F0502020204030204" pitchFamily="34" charset="0"/>
              </a:rPr>
              <a:t>Tax Board </a:t>
            </a:r>
            <a:r>
              <a:rPr lang="en-ZA" dirty="0" smtClean="0">
                <a:ea typeface="Calibri" panose="020F0502020204030204" pitchFamily="34" charset="0"/>
              </a:rPr>
              <a:t>and the </a:t>
            </a:r>
            <a:r>
              <a:rPr lang="en-ZA" dirty="0">
                <a:ea typeface="Calibri" panose="020F0502020204030204" pitchFamily="34" charset="0"/>
              </a:rPr>
              <a:t>Tax Court.</a:t>
            </a:r>
          </a:p>
          <a:p>
            <a:pPr marL="285750" indent="-285750" algn="just">
              <a:lnSpc>
                <a:spcPct val="150000"/>
              </a:lnSpc>
              <a:buFont typeface="Arial" panose="020B0604020202020204" pitchFamily="34" charset="0"/>
              <a:buChar char="•"/>
              <a:defRPr/>
            </a:pPr>
            <a:r>
              <a:rPr lang="en-ZA" dirty="0">
                <a:ea typeface="Calibri" panose="020F0502020204030204" pitchFamily="34" charset="0"/>
              </a:rPr>
              <a:t>It takes SARS in excess of a year to finalise appeals on average.</a:t>
            </a:r>
          </a:p>
          <a:p>
            <a:pPr marL="285750" indent="-285750" algn="just">
              <a:lnSpc>
                <a:spcPct val="150000"/>
              </a:lnSpc>
              <a:buFont typeface="Arial" panose="020B0604020202020204" pitchFamily="34" charset="0"/>
              <a:buChar char="•"/>
              <a:defRPr/>
            </a:pPr>
            <a:r>
              <a:rPr lang="en-ZA" dirty="0">
                <a:ea typeface="Calibri" panose="020F0502020204030204" pitchFamily="34" charset="0"/>
              </a:rPr>
              <a:t>On appeals the time to finalise VAT disputes also </a:t>
            </a:r>
            <a:r>
              <a:rPr lang="en-ZA" dirty="0" smtClean="0">
                <a:ea typeface="Calibri" panose="020F0502020204030204" pitchFamily="34" charset="0"/>
              </a:rPr>
              <a:t>suddenly spiked </a:t>
            </a:r>
            <a:r>
              <a:rPr lang="en-ZA" dirty="0">
                <a:ea typeface="Calibri" panose="020F0502020204030204" pitchFamily="34" charset="0"/>
              </a:rPr>
              <a:t>from just under 400 business days to </a:t>
            </a:r>
            <a:r>
              <a:rPr lang="en-ZA" dirty="0" smtClean="0">
                <a:ea typeface="Calibri" panose="020F0502020204030204" pitchFamily="34" charset="0"/>
              </a:rPr>
              <a:t>nearly 600 business days</a:t>
            </a:r>
            <a:r>
              <a:rPr lang="en-ZA" dirty="0">
                <a:ea typeface="Calibri" panose="020F0502020204030204" pitchFamily="34" charset="0"/>
              </a:rPr>
              <a:t>. </a:t>
            </a:r>
          </a:p>
          <a:p>
            <a:pPr marL="285750" indent="-285750" algn="just">
              <a:lnSpc>
                <a:spcPct val="150000"/>
              </a:lnSpc>
              <a:buFont typeface="Arial" panose="020B0604020202020204" pitchFamily="34" charset="0"/>
              <a:buChar char="•"/>
              <a:defRPr/>
            </a:pPr>
            <a:r>
              <a:rPr lang="en-US" dirty="0" smtClean="0">
                <a:ea typeface="Calibri" panose="020F0502020204030204" pitchFamily="34" charset="0"/>
              </a:rPr>
              <a:t>VAT appeals take </a:t>
            </a:r>
            <a:r>
              <a:rPr lang="en-US" dirty="0">
                <a:ea typeface="Calibri" panose="020F0502020204030204" pitchFamily="34" charset="0"/>
              </a:rPr>
              <a:t>on average 476 business days to finalise. </a:t>
            </a:r>
            <a:endParaRPr lang="en-ZA" dirty="0">
              <a:ea typeface="Calibri" panose="020F0502020204030204" pitchFamily="34" charset="0"/>
            </a:endParaRPr>
          </a:p>
          <a:p>
            <a:pPr marL="285750" indent="-285750" algn="just">
              <a:lnSpc>
                <a:spcPct val="150000"/>
              </a:lnSpc>
              <a:buFont typeface="Arial" panose="020B0604020202020204" pitchFamily="34" charset="0"/>
              <a:buChar char="•"/>
              <a:defRPr/>
            </a:pPr>
            <a:r>
              <a:rPr lang="en-ZA" dirty="0" smtClean="0">
                <a:ea typeface="Calibri" panose="020F0502020204030204" pitchFamily="34" charset="0"/>
              </a:rPr>
              <a:t>CIT appeals take on </a:t>
            </a:r>
            <a:r>
              <a:rPr lang="en-ZA" dirty="0">
                <a:ea typeface="Calibri" panose="020F0502020204030204" pitchFamily="34" charset="0"/>
              </a:rPr>
              <a:t>average 500 business days to finalise</a:t>
            </a:r>
            <a:r>
              <a:rPr lang="en-ZA" sz="2400" dirty="0">
                <a:effectLst/>
                <a:ea typeface="Calibri" panose="020F0502020204030204" pitchFamily="34" charset="0"/>
              </a:rPr>
              <a:t>. </a:t>
            </a:r>
            <a:endParaRPr kumimoji="0" lang="en-US" sz="2400" i="0" u="none" strike="noStrike" kern="1200" cap="none" spc="0" normalizeH="0" baseline="0" noProof="0" dirty="0">
              <a:ln>
                <a:noFill/>
              </a:ln>
              <a:effectLst/>
              <a:uLnTx/>
              <a:uFillTx/>
              <a:cs typeface="Arial" panose="020B0604020202020204" pitchFamily="34" charset="0"/>
            </a:endParaRPr>
          </a:p>
        </p:txBody>
      </p:sp>
      <p:sp>
        <p:nvSpPr>
          <p:cNvPr id="2" name="Slide Number Placeholder 1"/>
          <p:cNvSpPr>
            <a:spLocks noGrp="1"/>
          </p:cNvSpPr>
          <p:nvPr>
            <p:ph type="sldNum" sz="quarter" idx="12"/>
          </p:nvPr>
        </p:nvSpPr>
        <p:spPr/>
        <p:txBody>
          <a:bodyPr/>
          <a:lstStyle/>
          <a:p>
            <a:fld id="{BCCA197E-0889-4A4B-9EF4-38D9D114EE3E}" type="slidenum">
              <a:rPr lang="en-US" smtClean="0"/>
              <a:t>10</a:t>
            </a:fld>
            <a:endParaRPr lang="en-US"/>
          </a:p>
        </p:txBody>
      </p:sp>
    </p:spTree>
    <p:extLst>
      <p:ext uri="{BB962C8B-B14F-4D97-AF65-F5344CB8AC3E}">
        <p14:creationId xmlns:p14="http://schemas.microsoft.com/office/powerpoint/2010/main" val="129007228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5" y="5009696"/>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252460"/>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a:extLst>
              <a:ext uri="{FF2B5EF4-FFF2-40B4-BE49-F238E27FC236}">
                <a16:creationId xmlns:a16="http://schemas.microsoft.com/office/drawing/2014/main" id="{662124C2-8C56-344A-8D6F-93B100047492}"/>
              </a:ext>
            </a:extLst>
          </p:cNvPr>
          <p:cNvSpPr/>
          <p:nvPr/>
        </p:nvSpPr>
        <p:spPr>
          <a:xfrm>
            <a:off x="11111345" y="5009696"/>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a:extLst>
              <a:ext uri="{FF2B5EF4-FFF2-40B4-BE49-F238E27FC236}">
                <a16:creationId xmlns:a16="http://schemas.microsoft.com/office/drawing/2014/main" id="{30186384-33E1-0C4E-8971-CC64DCF9BD4F}"/>
              </a:ext>
            </a:extLst>
          </p:cNvPr>
          <p:cNvSpPr/>
          <p:nvPr/>
        </p:nvSpPr>
        <p:spPr>
          <a:xfrm>
            <a:off x="11111345"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a:extLst>
              <a:ext uri="{FF2B5EF4-FFF2-40B4-BE49-F238E27FC236}">
                <a16:creationId xmlns:a16="http://schemas.microsoft.com/office/drawing/2014/main" id="{274C1EFF-8094-E444-99F1-460D72F147D2}"/>
              </a:ext>
            </a:extLst>
          </p:cNvPr>
          <p:cNvSpPr/>
          <p:nvPr/>
        </p:nvSpPr>
        <p:spPr>
          <a:xfrm>
            <a:off x="6096000" y="6262633"/>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1" name="Rectangle 40">
            <a:extLst>
              <a:ext uri="{FF2B5EF4-FFF2-40B4-BE49-F238E27FC236}">
                <a16:creationId xmlns:a16="http://schemas.microsoft.com/office/drawing/2014/main" id="{D05689F6-FFDB-3043-8801-78034B4EF8E8}"/>
              </a:ext>
            </a:extLst>
          </p:cNvPr>
          <p:cNvSpPr/>
          <p:nvPr/>
        </p:nvSpPr>
        <p:spPr>
          <a:xfrm>
            <a:off x="7330594" y="6252461"/>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2" name="Rectangle 41">
            <a:extLst>
              <a:ext uri="{FF2B5EF4-FFF2-40B4-BE49-F238E27FC236}">
                <a16:creationId xmlns:a16="http://schemas.microsoft.com/office/drawing/2014/main" id="{9BE6D5E6-B372-9A4E-9641-B6AFA0D37CE2}"/>
              </a:ext>
            </a:extLst>
          </p:cNvPr>
          <p:cNvSpPr/>
          <p:nvPr/>
        </p:nvSpPr>
        <p:spPr>
          <a:xfrm>
            <a:off x="8565188" y="6252461"/>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3" name="Rectangle 42">
            <a:extLst>
              <a:ext uri="{FF2B5EF4-FFF2-40B4-BE49-F238E27FC236}">
                <a16:creationId xmlns:a16="http://schemas.microsoft.com/office/drawing/2014/main" id="{640411B4-2B10-084D-90CC-AC996AEA4AD7}"/>
              </a:ext>
            </a:extLst>
          </p:cNvPr>
          <p:cNvSpPr/>
          <p:nvPr/>
        </p:nvSpPr>
        <p:spPr>
          <a:xfrm>
            <a:off x="9799781" y="6252460"/>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aphicFrame>
        <p:nvGraphicFramePr>
          <p:cNvPr id="18" name="Chart 17">
            <a:extLst>
              <a:ext uri="{FF2B5EF4-FFF2-40B4-BE49-F238E27FC236}">
                <a16:creationId xmlns:a16="http://schemas.microsoft.com/office/drawing/2014/main" id="{B2005CE6-B4E9-4688-9E04-207075ABCA2B}"/>
              </a:ext>
            </a:extLst>
          </p:cNvPr>
          <p:cNvGraphicFramePr>
            <a:graphicFrameLocks/>
          </p:cNvGraphicFramePr>
          <p:nvPr>
            <p:extLst>
              <p:ext uri="{D42A27DB-BD31-4B8C-83A1-F6EECF244321}">
                <p14:modId xmlns:p14="http://schemas.microsoft.com/office/powerpoint/2010/main" val="2364275542"/>
              </p:ext>
            </p:extLst>
          </p:nvPr>
        </p:nvGraphicFramePr>
        <p:xfrm>
          <a:off x="1540565" y="506896"/>
          <a:ext cx="8507896" cy="5456582"/>
        </p:xfrm>
        <a:graphic>
          <a:graphicData uri="http://schemas.openxmlformats.org/drawingml/2006/chart">
            <c:chart xmlns:c="http://schemas.openxmlformats.org/drawingml/2006/chart" xmlns:r="http://schemas.openxmlformats.org/officeDocument/2006/relationships" r:id="rId2"/>
          </a:graphicData>
        </a:graphic>
      </p:graphicFrame>
      <p:sp>
        <p:nvSpPr>
          <p:cNvPr id="2" name="Slide Number Placeholder 1"/>
          <p:cNvSpPr>
            <a:spLocks noGrp="1"/>
          </p:cNvSpPr>
          <p:nvPr>
            <p:ph type="sldNum" sz="quarter" idx="12"/>
          </p:nvPr>
        </p:nvSpPr>
        <p:spPr/>
        <p:txBody>
          <a:bodyPr/>
          <a:lstStyle/>
          <a:p>
            <a:fld id="{BCCA197E-0889-4A4B-9EF4-38D9D114EE3E}" type="slidenum">
              <a:rPr lang="en-US" smtClean="0"/>
              <a:t>11</a:t>
            </a:fld>
            <a:endParaRPr lang="en-US"/>
          </a:p>
        </p:txBody>
      </p:sp>
    </p:spTree>
    <p:extLst>
      <p:ext uri="{BB962C8B-B14F-4D97-AF65-F5344CB8AC3E}">
        <p14:creationId xmlns:p14="http://schemas.microsoft.com/office/powerpoint/2010/main" val="146623591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5" y="5009696"/>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252460"/>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a:extLst>
              <a:ext uri="{FF2B5EF4-FFF2-40B4-BE49-F238E27FC236}">
                <a16:creationId xmlns:a16="http://schemas.microsoft.com/office/drawing/2014/main" id="{662124C2-8C56-344A-8D6F-93B100047492}"/>
              </a:ext>
            </a:extLst>
          </p:cNvPr>
          <p:cNvSpPr/>
          <p:nvPr/>
        </p:nvSpPr>
        <p:spPr>
          <a:xfrm>
            <a:off x="11111345" y="5009696"/>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a:extLst>
              <a:ext uri="{FF2B5EF4-FFF2-40B4-BE49-F238E27FC236}">
                <a16:creationId xmlns:a16="http://schemas.microsoft.com/office/drawing/2014/main" id="{30186384-33E1-0C4E-8971-CC64DCF9BD4F}"/>
              </a:ext>
            </a:extLst>
          </p:cNvPr>
          <p:cNvSpPr/>
          <p:nvPr/>
        </p:nvSpPr>
        <p:spPr>
          <a:xfrm>
            <a:off x="11111345"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a:extLst>
              <a:ext uri="{FF2B5EF4-FFF2-40B4-BE49-F238E27FC236}">
                <a16:creationId xmlns:a16="http://schemas.microsoft.com/office/drawing/2014/main" id="{274C1EFF-8094-E444-99F1-460D72F147D2}"/>
              </a:ext>
            </a:extLst>
          </p:cNvPr>
          <p:cNvSpPr/>
          <p:nvPr/>
        </p:nvSpPr>
        <p:spPr>
          <a:xfrm>
            <a:off x="6096000" y="6262633"/>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1" name="Rectangle 40">
            <a:extLst>
              <a:ext uri="{FF2B5EF4-FFF2-40B4-BE49-F238E27FC236}">
                <a16:creationId xmlns:a16="http://schemas.microsoft.com/office/drawing/2014/main" id="{D05689F6-FFDB-3043-8801-78034B4EF8E8}"/>
              </a:ext>
            </a:extLst>
          </p:cNvPr>
          <p:cNvSpPr/>
          <p:nvPr/>
        </p:nvSpPr>
        <p:spPr>
          <a:xfrm>
            <a:off x="7330594" y="6252461"/>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2" name="Rectangle 41">
            <a:extLst>
              <a:ext uri="{FF2B5EF4-FFF2-40B4-BE49-F238E27FC236}">
                <a16:creationId xmlns:a16="http://schemas.microsoft.com/office/drawing/2014/main" id="{9BE6D5E6-B372-9A4E-9641-B6AFA0D37CE2}"/>
              </a:ext>
            </a:extLst>
          </p:cNvPr>
          <p:cNvSpPr/>
          <p:nvPr/>
        </p:nvSpPr>
        <p:spPr>
          <a:xfrm>
            <a:off x="8565188" y="6252461"/>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3" name="Rectangle 42">
            <a:extLst>
              <a:ext uri="{FF2B5EF4-FFF2-40B4-BE49-F238E27FC236}">
                <a16:creationId xmlns:a16="http://schemas.microsoft.com/office/drawing/2014/main" id="{640411B4-2B10-084D-90CC-AC996AEA4AD7}"/>
              </a:ext>
            </a:extLst>
          </p:cNvPr>
          <p:cNvSpPr/>
          <p:nvPr/>
        </p:nvSpPr>
        <p:spPr>
          <a:xfrm>
            <a:off x="9799781" y="6252460"/>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aphicFrame>
        <p:nvGraphicFramePr>
          <p:cNvPr id="18" name="Chart 17">
            <a:extLst>
              <a:ext uri="{FF2B5EF4-FFF2-40B4-BE49-F238E27FC236}">
                <a16:creationId xmlns:a16="http://schemas.microsoft.com/office/drawing/2014/main" id="{A71EDACF-3128-4044-9F17-697D22AA223D}"/>
              </a:ext>
            </a:extLst>
          </p:cNvPr>
          <p:cNvGraphicFramePr>
            <a:graphicFrameLocks/>
          </p:cNvGraphicFramePr>
          <p:nvPr>
            <p:extLst>
              <p:ext uri="{D42A27DB-BD31-4B8C-83A1-F6EECF244321}">
                <p14:modId xmlns:p14="http://schemas.microsoft.com/office/powerpoint/2010/main" val="381344409"/>
              </p:ext>
            </p:extLst>
          </p:nvPr>
        </p:nvGraphicFramePr>
        <p:xfrm>
          <a:off x="1798983" y="596348"/>
          <a:ext cx="8448260" cy="5188226"/>
        </p:xfrm>
        <a:graphic>
          <a:graphicData uri="http://schemas.openxmlformats.org/drawingml/2006/chart">
            <c:chart xmlns:c="http://schemas.openxmlformats.org/drawingml/2006/chart" xmlns:r="http://schemas.openxmlformats.org/officeDocument/2006/relationships" r:id="rId2"/>
          </a:graphicData>
        </a:graphic>
      </p:graphicFrame>
      <p:sp>
        <p:nvSpPr>
          <p:cNvPr id="2" name="Slide Number Placeholder 1"/>
          <p:cNvSpPr>
            <a:spLocks noGrp="1"/>
          </p:cNvSpPr>
          <p:nvPr>
            <p:ph type="sldNum" sz="quarter" idx="12"/>
          </p:nvPr>
        </p:nvSpPr>
        <p:spPr/>
        <p:txBody>
          <a:bodyPr/>
          <a:lstStyle/>
          <a:p>
            <a:fld id="{BCCA197E-0889-4A4B-9EF4-38D9D114EE3E}" type="slidenum">
              <a:rPr lang="en-US" smtClean="0"/>
              <a:t>12</a:t>
            </a:fld>
            <a:endParaRPr lang="en-US"/>
          </a:p>
        </p:txBody>
      </p:sp>
    </p:spTree>
    <p:extLst>
      <p:ext uri="{BB962C8B-B14F-4D97-AF65-F5344CB8AC3E}">
        <p14:creationId xmlns:p14="http://schemas.microsoft.com/office/powerpoint/2010/main" val="399201113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5" y="5009696"/>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252460"/>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a:extLst>
              <a:ext uri="{FF2B5EF4-FFF2-40B4-BE49-F238E27FC236}">
                <a16:creationId xmlns:a16="http://schemas.microsoft.com/office/drawing/2014/main" id="{F09973ED-B911-044F-A84D-1B1EBA35905C}"/>
              </a:ext>
            </a:extLst>
          </p:cNvPr>
          <p:cNvSpPr/>
          <p:nvPr/>
        </p:nvSpPr>
        <p:spPr>
          <a:xfrm>
            <a:off x="11111345" y="3786352"/>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a:extLst>
              <a:ext uri="{FF2B5EF4-FFF2-40B4-BE49-F238E27FC236}">
                <a16:creationId xmlns:a16="http://schemas.microsoft.com/office/drawing/2014/main" id="{662124C2-8C56-344A-8D6F-93B100047492}"/>
              </a:ext>
            </a:extLst>
          </p:cNvPr>
          <p:cNvSpPr/>
          <p:nvPr/>
        </p:nvSpPr>
        <p:spPr>
          <a:xfrm>
            <a:off x="11111345" y="5009696"/>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a:extLst>
              <a:ext uri="{FF2B5EF4-FFF2-40B4-BE49-F238E27FC236}">
                <a16:creationId xmlns:a16="http://schemas.microsoft.com/office/drawing/2014/main" id="{30186384-33E1-0C4E-8971-CC64DCF9BD4F}"/>
              </a:ext>
            </a:extLst>
          </p:cNvPr>
          <p:cNvSpPr/>
          <p:nvPr/>
        </p:nvSpPr>
        <p:spPr>
          <a:xfrm>
            <a:off x="11111345"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4" name="Rectangle 33">
            <a:extLst>
              <a:ext uri="{FF2B5EF4-FFF2-40B4-BE49-F238E27FC236}">
                <a16:creationId xmlns:a16="http://schemas.microsoft.com/office/drawing/2014/main" id="{13CBF8BE-372B-C748-9A6D-87D5B0149E3B}"/>
              </a:ext>
            </a:extLst>
          </p:cNvPr>
          <p:cNvSpPr/>
          <p:nvPr/>
        </p:nvSpPr>
        <p:spPr>
          <a:xfrm>
            <a:off x="11111343" y="2509698"/>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a:extLst>
              <a:ext uri="{FF2B5EF4-FFF2-40B4-BE49-F238E27FC236}">
                <a16:creationId xmlns:a16="http://schemas.microsoft.com/office/drawing/2014/main" id="{274C1EFF-8094-E444-99F1-460D72F147D2}"/>
              </a:ext>
            </a:extLst>
          </p:cNvPr>
          <p:cNvSpPr/>
          <p:nvPr/>
        </p:nvSpPr>
        <p:spPr>
          <a:xfrm>
            <a:off x="6096000" y="6262633"/>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8" name="Rectangle 37">
            <a:extLst>
              <a:ext uri="{FF2B5EF4-FFF2-40B4-BE49-F238E27FC236}">
                <a16:creationId xmlns:a16="http://schemas.microsoft.com/office/drawing/2014/main" id="{7FCD6A8B-B6C3-8C45-905F-ADCD9D2395CB}"/>
              </a:ext>
            </a:extLst>
          </p:cNvPr>
          <p:cNvSpPr/>
          <p:nvPr/>
        </p:nvSpPr>
        <p:spPr>
          <a:xfrm>
            <a:off x="9799781" y="3786352"/>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9" name="Rectangle 38">
            <a:extLst>
              <a:ext uri="{FF2B5EF4-FFF2-40B4-BE49-F238E27FC236}">
                <a16:creationId xmlns:a16="http://schemas.microsoft.com/office/drawing/2014/main" id="{4652B174-F062-C645-93FC-50BD6081163C}"/>
              </a:ext>
            </a:extLst>
          </p:cNvPr>
          <p:cNvSpPr/>
          <p:nvPr/>
        </p:nvSpPr>
        <p:spPr>
          <a:xfrm>
            <a:off x="8565188" y="5019407"/>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0" name="Rectangle 39">
            <a:extLst>
              <a:ext uri="{FF2B5EF4-FFF2-40B4-BE49-F238E27FC236}">
                <a16:creationId xmlns:a16="http://schemas.microsoft.com/office/drawing/2014/main" id="{DDB068F3-59CF-5C4E-8E8A-3BB2E3E650F5}"/>
              </a:ext>
            </a:extLst>
          </p:cNvPr>
          <p:cNvSpPr/>
          <p:nvPr/>
        </p:nvSpPr>
        <p:spPr>
          <a:xfrm>
            <a:off x="9799781" y="5019406"/>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1" name="Rectangle 40">
            <a:extLst>
              <a:ext uri="{FF2B5EF4-FFF2-40B4-BE49-F238E27FC236}">
                <a16:creationId xmlns:a16="http://schemas.microsoft.com/office/drawing/2014/main" id="{D05689F6-FFDB-3043-8801-78034B4EF8E8}"/>
              </a:ext>
            </a:extLst>
          </p:cNvPr>
          <p:cNvSpPr/>
          <p:nvPr/>
        </p:nvSpPr>
        <p:spPr>
          <a:xfrm>
            <a:off x="7330594" y="6252461"/>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2" name="Rectangle 41">
            <a:extLst>
              <a:ext uri="{FF2B5EF4-FFF2-40B4-BE49-F238E27FC236}">
                <a16:creationId xmlns:a16="http://schemas.microsoft.com/office/drawing/2014/main" id="{9BE6D5E6-B372-9A4E-9641-B6AFA0D37CE2}"/>
              </a:ext>
            </a:extLst>
          </p:cNvPr>
          <p:cNvSpPr/>
          <p:nvPr/>
        </p:nvSpPr>
        <p:spPr>
          <a:xfrm>
            <a:off x="8565188" y="6252461"/>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3" name="Rectangle 42">
            <a:extLst>
              <a:ext uri="{FF2B5EF4-FFF2-40B4-BE49-F238E27FC236}">
                <a16:creationId xmlns:a16="http://schemas.microsoft.com/office/drawing/2014/main" id="{640411B4-2B10-084D-90CC-AC996AEA4AD7}"/>
              </a:ext>
            </a:extLst>
          </p:cNvPr>
          <p:cNvSpPr/>
          <p:nvPr/>
        </p:nvSpPr>
        <p:spPr>
          <a:xfrm>
            <a:off x="9799781" y="6252460"/>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22" name="Group 21">
            <a:extLst>
              <a:ext uri="{FF2B5EF4-FFF2-40B4-BE49-F238E27FC236}">
                <a16:creationId xmlns:a16="http://schemas.microsoft.com/office/drawing/2014/main" id="{E2A44C7F-236A-D84E-BEB2-DDFBB01BDF06}"/>
              </a:ext>
            </a:extLst>
          </p:cNvPr>
          <p:cNvGrpSpPr/>
          <p:nvPr/>
        </p:nvGrpSpPr>
        <p:grpSpPr>
          <a:xfrm>
            <a:off x="1192543" y="3786352"/>
            <a:ext cx="3514924" cy="2328950"/>
            <a:chOff x="400440" y="3620697"/>
            <a:chExt cx="3514924" cy="2328950"/>
          </a:xfrm>
        </p:grpSpPr>
        <p:sp>
          <p:nvSpPr>
            <p:cNvPr id="23" name="Rectangle 22">
              <a:extLst>
                <a:ext uri="{FF2B5EF4-FFF2-40B4-BE49-F238E27FC236}">
                  <a16:creationId xmlns:a16="http://schemas.microsoft.com/office/drawing/2014/main" id="{02C09296-4410-E34D-BF16-63EC0DC3234A}"/>
                </a:ext>
              </a:extLst>
            </p:cNvPr>
            <p:cNvSpPr/>
            <p:nvPr/>
          </p:nvSpPr>
          <p:spPr>
            <a:xfrm>
              <a:off x="400440" y="3620697"/>
              <a:ext cx="3514924" cy="2328950"/>
            </a:xfrm>
            <a:prstGeom prst="rect">
              <a:avLst/>
            </a:prstGeom>
            <a:solidFill>
              <a:srgbClr val="85BF4B"/>
            </a:solidFill>
            <a:ln>
              <a:noFill/>
            </a:ln>
            <a:effectLst>
              <a:outerShdw blurRad="381000" algn="ctr" rotWithShape="0">
                <a:prstClr val="black">
                  <a:alpha val="5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dirty="0">
                <a:ln>
                  <a:noFill/>
                </a:ln>
                <a:solidFill>
                  <a:prstClr val="white"/>
                </a:solidFill>
                <a:effectLst/>
                <a:uLnTx/>
                <a:uFillTx/>
                <a:latin typeface="Segoe UI"/>
                <a:ea typeface="+mn-ea"/>
                <a:cs typeface="+mn-cs"/>
              </a:endParaRPr>
            </a:p>
          </p:txBody>
        </p:sp>
        <p:sp>
          <p:nvSpPr>
            <p:cNvPr id="25" name="TextBox 13">
              <a:extLst>
                <a:ext uri="{FF2B5EF4-FFF2-40B4-BE49-F238E27FC236}">
                  <a16:creationId xmlns:a16="http://schemas.microsoft.com/office/drawing/2014/main" id="{25DF1DF6-A249-1F4C-B35D-C2CD30714A38}"/>
                </a:ext>
              </a:extLst>
            </p:cNvPr>
            <p:cNvSpPr txBox="1"/>
            <p:nvPr/>
          </p:nvSpPr>
          <p:spPr>
            <a:xfrm>
              <a:off x="608757" y="3723203"/>
              <a:ext cx="2160000" cy="307777"/>
            </a:xfrm>
            <a:prstGeom prst="rect">
              <a:avLst/>
            </a:prstGeom>
            <a:noFill/>
          </p:spPr>
          <p:txBody>
            <a:bodyPr wrap="square" lIns="0" tIns="0" rIns="0" bIns="0" rtlCol="0" anchor="t">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2000" b="0" i="0" u="none" strike="noStrike" kern="1200" cap="none" spc="0" normalizeH="0" baseline="0" noProof="0" dirty="0">
                  <a:ln>
                    <a:noFill/>
                  </a:ln>
                  <a:solidFill>
                    <a:schemeClr val="bg1"/>
                  </a:solidFill>
                  <a:effectLst/>
                  <a:uLnTx/>
                  <a:uFillTx/>
                  <a:latin typeface="Segoe UI Semibold" panose="020B0702040204020203" pitchFamily="34" charset="0"/>
                  <a:ea typeface="+mn-ea"/>
                  <a:cs typeface="Segoe UI Semibold" panose="020B0702040204020203" pitchFamily="34" charset="0"/>
                </a:rPr>
                <a:t>Contact details:</a:t>
              </a:r>
              <a:endParaRPr kumimoji="0" lang="fr-FR" sz="2000" b="0" i="0" u="none" strike="noStrike" kern="1200" cap="none" spc="0" normalizeH="0" baseline="0" noProof="0" dirty="0">
                <a:ln>
                  <a:noFill/>
                </a:ln>
                <a:solidFill>
                  <a:schemeClr val="bg1"/>
                </a:solidFill>
                <a:effectLst/>
                <a:uLnTx/>
                <a:uFillTx/>
                <a:latin typeface="Segoe UI Semibold" panose="020B0702040204020203" pitchFamily="34" charset="0"/>
                <a:ea typeface="+mn-ea"/>
                <a:cs typeface="Segoe UI Semibold" panose="020B0702040204020203" pitchFamily="34" charset="0"/>
              </a:endParaRPr>
            </a:p>
          </p:txBody>
        </p:sp>
        <p:sp>
          <p:nvSpPr>
            <p:cNvPr id="26" name="TextBox 16">
              <a:extLst>
                <a:ext uri="{FF2B5EF4-FFF2-40B4-BE49-F238E27FC236}">
                  <a16:creationId xmlns:a16="http://schemas.microsoft.com/office/drawing/2014/main" id="{8665CA54-BC20-CC40-84A7-A658EA75D2D2}"/>
                </a:ext>
              </a:extLst>
            </p:cNvPr>
            <p:cNvSpPr txBox="1"/>
            <p:nvPr/>
          </p:nvSpPr>
          <p:spPr>
            <a:xfrm>
              <a:off x="578163" y="4322800"/>
              <a:ext cx="3115792" cy="1354217"/>
            </a:xfrm>
            <a:prstGeom prst="rect">
              <a:avLst/>
            </a:prstGeom>
            <a:noFill/>
          </p:spPr>
          <p:txBody>
            <a:bodyPr wrap="square" lIns="0" tIns="0" rIns="0" bIns="0" rtlCol="0" anchor="t">
              <a:spAutoFit/>
            </a:bodyPr>
            <a:lstStyle>
              <a:defPPr>
                <a:defRPr lang="fr-FR"/>
              </a:defPPr>
              <a:lvl1pPr>
                <a:lnSpc>
                  <a:spcPct val="125000"/>
                </a:lnSpc>
                <a:defRPr sz="1200">
                  <a:latin typeface="Segoe UI" panose="020B0502040204020203" pitchFamily="34" charset="0"/>
                  <a:cs typeface="Segoe UI" panose="020B0502040204020203" pitchFamily="34" charset="0"/>
                </a:defRPr>
              </a:lvl1pPr>
            </a:lstStyle>
            <a:p>
              <a:r>
                <a:rPr lang="en-ZA" sz="1400" b="1" dirty="0">
                  <a:solidFill>
                    <a:schemeClr val="bg1"/>
                  </a:solidFill>
                  <a:latin typeface="Arial" panose="020B0604020202020204" pitchFamily="34" charset="0"/>
                  <a:cs typeface="Arial" panose="020B0604020202020204" pitchFamily="34" charset="0"/>
                </a:rPr>
                <a:t>Tel:</a:t>
              </a:r>
              <a:r>
                <a:rPr lang="en-ZA" sz="1400" dirty="0">
                  <a:solidFill>
                    <a:schemeClr val="bg1"/>
                  </a:solidFill>
                  <a:latin typeface="Arial" panose="020B0604020202020204" pitchFamily="34" charset="0"/>
                  <a:cs typeface="Arial" panose="020B0604020202020204" pitchFamily="34" charset="0"/>
                </a:rPr>
                <a:t> 0800 662 837 / 012 431 9105</a:t>
              </a:r>
            </a:p>
            <a:p>
              <a:r>
                <a:rPr lang="en-ZA" sz="1400" b="1" dirty="0">
                  <a:solidFill>
                    <a:schemeClr val="bg1"/>
                  </a:solidFill>
                  <a:latin typeface="Arial" panose="020B0604020202020204" pitchFamily="34" charset="0"/>
                  <a:cs typeface="Arial" panose="020B0604020202020204" pitchFamily="34" charset="0"/>
                </a:rPr>
                <a:t>Fax:</a:t>
              </a:r>
              <a:r>
                <a:rPr lang="en-ZA" sz="1400" dirty="0">
                  <a:solidFill>
                    <a:schemeClr val="bg1"/>
                  </a:solidFill>
                  <a:latin typeface="Arial" panose="020B0604020202020204" pitchFamily="34" charset="0"/>
                  <a:cs typeface="Arial" panose="020B0604020202020204" pitchFamily="34" charset="0"/>
                </a:rPr>
                <a:t>  012 452 5013</a:t>
              </a:r>
            </a:p>
            <a:p>
              <a:r>
                <a:rPr lang="en-ZA" sz="1400" b="1" err="1">
                  <a:solidFill>
                    <a:schemeClr val="bg1"/>
                  </a:solidFill>
                  <a:latin typeface="Arial" panose="020B0604020202020204" pitchFamily="34" charset="0"/>
                  <a:cs typeface="Arial" panose="020B0604020202020204" pitchFamily="34" charset="0"/>
                </a:rPr>
                <a:t>Email</a:t>
              </a:r>
              <a:r>
                <a:rPr lang="en-ZA" sz="1400" b="1" smtClean="0">
                  <a:solidFill>
                    <a:schemeClr val="bg1"/>
                  </a:solidFill>
                  <a:latin typeface="Arial" panose="020B0604020202020204" pitchFamily="34" charset="0"/>
                  <a:cs typeface="Arial" panose="020B0604020202020204" pitchFamily="34" charset="0"/>
                </a:rPr>
                <a:t>: </a:t>
              </a:r>
              <a:r>
                <a:rPr lang="en-ZA" sz="1400" smtClean="0">
                  <a:solidFill>
                    <a:srgbClr val="292759"/>
                  </a:solidFill>
                  <a:latin typeface="Arial" panose="020B0604020202020204" pitchFamily="34" charset="0"/>
                  <a:cs typeface="Arial" panose="020B0604020202020204" pitchFamily="34" charset="0"/>
                  <a:hlinkClick r:id="rId2">
                    <a:extLst>
                      <a:ext uri="{A12FA001-AC4F-418D-AE19-62706E023703}">
                        <ahyp:hlinkClr xmlns="" xmlns:ahyp="http://schemas.microsoft.com/office/drawing/2018/hyperlinkcolor" val="tx"/>
                      </a:ext>
                    </a:extLst>
                  </a:hlinkClick>
                </a:rPr>
                <a:t>complaints@taxombud.gov.za</a:t>
              </a:r>
              <a:endParaRPr lang="en-ZA" sz="1400" dirty="0">
                <a:solidFill>
                  <a:srgbClr val="292759"/>
                </a:solidFill>
                <a:latin typeface="Arial" panose="020B0604020202020204" pitchFamily="34" charset="0"/>
                <a:cs typeface="Arial" panose="020B0604020202020204" pitchFamily="34" charset="0"/>
              </a:endParaRPr>
            </a:p>
            <a:p>
              <a:r>
                <a:rPr lang="en-US" sz="1400" b="1" dirty="0">
                  <a:solidFill>
                    <a:schemeClr val="bg1"/>
                  </a:solidFill>
                  <a:latin typeface="Arial" panose="020B0604020202020204" pitchFamily="34" charset="0"/>
                  <a:cs typeface="Arial" panose="020B0604020202020204" pitchFamily="34" charset="0"/>
                </a:rPr>
                <a:t>Web: </a:t>
              </a:r>
              <a:r>
                <a:rPr lang="en-US" sz="1400" dirty="0">
                  <a:solidFill>
                    <a:srgbClr val="292759"/>
                  </a:solidFill>
                  <a:latin typeface="Arial" panose="020B0604020202020204" pitchFamily="34" charset="0"/>
                  <a:cs typeface="Arial" panose="020B0604020202020204" pitchFamily="34" charset="0"/>
                  <a:hlinkClick r:id="rId3">
                    <a:extLst>
                      <a:ext uri="{A12FA001-AC4F-418D-AE19-62706E023703}">
                        <ahyp:hlinkClr xmlns="" xmlns:ahyp="http://schemas.microsoft.com/office/drawing/2018/hyperlinkcolor" val="tx"/>
                      </a:ext>
                    </a:extLst>
                  </a:hlinkClick>
                </a:rPr>
                <a:t>www.taxombud.gov.za</a:t>
              </a:r>
              <a:endParaRPr lang="en-ZA" sz="1400" dirty="0">
                <a:solidFill>
                  <a:srgbClr val="292759"/>
                </a:solidFill>
                <a:latin typeface="Arial" panose="020B0604020202020204" pitchFamily="34" charset="0"/>
                <a:cs typeface="Arial" panose="020B0604020202020204" pitchFamily="34" charset="0"/>
              </a:endParaRPr>
            </a:p>
            <a:p>
              <a:pPr lvl="0">
                <a:lnSpc>
                  <a:spcPct val="150000"/>
                </a:lnSpc>
                <a:defRPr/>
              </a:pPr>
              <a:r>
                <a:rPr lang="en-US" dirty="0"/>
                <a:t>.</a:t>
              </a:r>
            </a:p>
          </p:txBody>
        </p:sp>
      </p:grpSp>
      <p:grpSp>
        <p:nvGrpSpPr>
          <p:cNvPr id="30" name="Group 29">
            <a:extLst>
              <a:ext uri="{FF2B5EF4-FFF2-40B4-BE49-F238E27FC236}">
                <a16:creationId xmlns:a16="http://schemas.microsoft.com/office/drawing/2014/main" id="{AC2C767B-9166-E341-819D-EE42C964EE60}"/>
              </a:ext>
            </a:extLst>
          </p:cNvPr>
          <p:cNvGrpSpPr/>
          <p:nvPr/>
        </p:nvGrpSpPr>
        <p:grpSpPr>
          <a:xfrm>
            <a:off x="4861405" y="3786352"/>
            <a:ext cx="3538166" cy="2328950"/>
            <a:chOff x="4198499" y="3620697"/>
            <a:chExt cx="3538166" cy="2328950"/>
          </a:xfrm>
          <a:solidFill>
            <a:srgbClr val="03A65A"/>
          </a:solidFill>
        </p:grpSpPr>
        <p:sp>
          <p:nvSpPr>
            <p:cNvPr id="31" name="Rectangle 30">
              <a:extLst>
                <a:ext uri="{FF2B5EF4-FFF2-40B4-BE49-F238E27FC236}">
                  <a16:creationId xmlns:a16="http://schemas.microsoft.com/office/drawing/2014/main" id="{4FB79433-2289-E942-B82A-10DEA7A2EF85}"/>
                </a:ext>
              </a:extLst>
            </p:cNvPr>
            <p:cNvSpPr/>
            <p:nvPr/>
          </p:nvSpPr>
          <p:spPr>
            <a:xfrm>
              <a:off x="4198499" y="3620697"/>
              <a:ext cx="3538166" cy="2328950"/>
            </a:xfrm>
            <a:prstGeom prst="rect">
              <a:avLst/>
            </a:prstGeom>
            <a:grpFill/>
            <a:ln>
              <a:noFill/>
            </a:ln>
            <a:effectLst>
              <a:outerShdw blurRad="381000" algn="ctr" rotWithShape="0">
                <a:prstClr val="black">
                  <a:alpha val="5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fr-FR" sz="1800" b="0" i="0" u="none" strike="noStrike" kern="1200" cap="none" spc="0" normalizeH="0" baseline="0" noProof="0" dirty="0">
                <a:ln>
                  <a:noFill/>
                </a:ln>
                <a:solidFill>
                  <a:prstClr val="white"/>
                </a:solidFill>
                <a:effectLst/>
                <a:uLnTx/>
                <a:uFillTx/>
                <a:latin typeface="Segoe UI"/>
                <a:ea typeface="+mn-ea"/>
                <a:cs typeface="+mn-cs"/>
              </a:endParaRPr>
            </a:p>
          </p:txBody>
        </p:sp>
        <p:sp>
          <p:nvSpPr>
            <p:cNvPr id="32" name="TextBox 16">
              <a:extLst>
                <a:ext uri="{FF2B5EF4-FFF2-40B4-BE49-F238E27FC236}">
                  <a16:creationId xmlns:a16="http://schemas.microsoft.com/office/drawing/2014/main" id="{82A2751E-4AB0-264F-8731-1F94AF991326}"/>
                </a:ext>
              </a:extLst>
            </p:cNvPr>
            <p:cNvSpPr txBox="1"/>
            <p:nvPr/>
          </p:nvSpPr>
          <p:spPr>
            <a:xfrm>
              <a:off x="4320448" y="4297395"/>
              <a:ext cx="2785241" cy="807913"/>
            </a:xfrm>
            <a:prstGeom prst="rect">
              <a:avLst/>
            </a:prstGeom>
            <a:grpFill/>
          </p:spPr>
          <p:txBody>
            <a:bodyPr wrap="square" lIns="0" tIns="0" rIns="0" bIns="0" rtlCol="0" anchor="t">
              <a:spAutoFit/>
            </a:bodyPr>
            <a:lstStyle>
              <a:defPPr>
                <a:defRPr lang="fr-FR"/>
              </a:defPPr>
              <a:lvl1pPr>
                <a:lnSpc>
                  <a:spcPct val="125000"/>
                </a:lnSpc>
                <a:defRPr sz="1200">
                  <a:latin typeface="Segoe UI" panose="020B0502040204020203" pitchFamily="34" charset="0"/>
                  <a:cs typeface="Segoe UI" panose="020B0502040204020203" pitchFamily="34" charset="0"/>
                </a:defRPr>
              </a:lvl1pPr>
            </a:lstStyle>
            <a:p>
              <a:r>
                <a:rPr lang="en-ZA" sz="1400" dirty="0">
                  <a:solidFill>
                    <a:schemeClr val="bg1"/>
                  </a:solidFill>
                  <a:latin typeface="Arial" panose="020B0604020202020204" pitchFamily="34" charset="0"/>
                  <a:cs typeface="Arial" panose="020B0604020202020204" pitchFamily="34" charset="0"/>
                </a:rPr>
                <a:t>2nd floor, Menlyn Corner</a:t>
              </a:r>
              <a:br>
                <a:rPr lang="en-ZA" sz="1400" dirty="0">
                  <a:solidFill>
                    <a:schemeClr val="bg1"/>
                  </a:solidFill>
                  <a:latin typeface="Arial" panose="020B0604020202020204" pitchFamily="34" charset="0"/>
                  <a:cs typeface="Arial" panose="020B0604020202020204" pitchFamily="34" charset="0"/>
                </a:rPr>
              </a:br>
              <a:r>
                <a:rPr lang="en-ZA" sz="1400" dirty="0">
                  <a:solidFill>
                    <a:schemeClr val="bg1"/>
                  </a:solidFill>
                  <a:latin typeface="Arial" panose="020B0604020202020204" pitchFamily="34" charset="0"/>
                  <a:cs typeface="Arial" panose="020B0604020202020204" pitchFamily="34" charset="0"/>
                </a:rPr>
                <a:t>87 Frikkie de Beer Street</a:t>
              </a:r>
            </a:p>
            <a:p>
              <a:r>
                <a:rPr lang="en-ZA" sz="1400" dirty="0">
                  <a:solidFill>
                    <a:schemeClr val="bg1"/>
                  </a:solidFill>
                  <a:latin typeface="Arial" panose="020B0604020202020204" pitchFamily="34" charset="0"/>
                  <a:cs typeface="Arial" panose="020B0604020202020204" pitchFamily="34" charset="0"/>
                </a:rPr>
                <a:t>Menlyn, Pretoria</a:t>
              </a:r>
            </a:p>
          </p:txBody>
        </p:sp>
        <p:sp>
          <p:nvSpPr>
            <p:cNvPr id="33" name="TextBox 13">
              <a:extLst>
                <a:ext uri="{FF2B5EF4-FFF2-40B4-BE49-F238E27FC236}">
                  <a16:creationId xmlns:a16="http://schemas.microsoft.com/office/drawing/2014/main" id="{1513C998-C1C7-1A48-961A-CF4EB64349A1}"/>
                </a:ext>
              </a:extLst>
            </p:cNvPr>
            <p:cNvSpPr txBox="1"/>
            <p:nvPr/>
          </p:nvSpPr>
          <p:spPr>
            <a:xfrm>
              <a:off x="4320448" y="3723202"/>
              <a:ext cx="2160000" cy="307777"/>
            </a:xfrm>
            <a:prstGeom prst="rect">
              <a:avLst/>
            </a:prstGeom>
            <a:grpFill/>
          </p:spPr>
          <p:txBody>
            <a:bodyPr wrap="square" lIns="0" tIns="0" rIns="0" bIns="0" rtlCol="0" anchor="t">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2000" b="0" i="0" u="none" strike="noStrike" kern="1200" cap="none" spc="0" normalizeH="0" baseline="0" noProof="0" dirty="0">
                  <a:ln>
                    <a:noFill/>
                  </a:ln>
                  <a:solidFill>
                    <a:schemeClr val="bg1"/>
                  </a:solidFill>
                  <a:effectLst/>
                  <a:uLnTx/>
                  <a:uFillTx/>
                  <a:latin typeface="Segoe UI Semibold" panose="020B0702040204020203" pitchFamily="34" charset="0"/>
                  <a:ea typeface="+mn-ea"/>
                  <a:cs typeface="Segoe UI Semibold" panose="020B0702040204020203" pitchFamily="34" charset="0"/>
                </a:rPr>
                <a:t>Physical address:</a:t>
              </a:r>
              <a:endParaRPr kumimoji="0" lang="fr-FR" sz="2000" b="0" i="0" u="none" strike="noStrike" kern="1200" cap="none" spc="0" normalizeH="0" baseline="0" noProof="0" dirty="0">
                <a:ln>
                  <a:noFill/>
                </a:ln>
                <a:solidFill>
                  <a:schemeClr val="bg1"/>
                </a:solidFill>
                <a:effectLst/>
                <a:uLnTx/>
                <a:uFillTx/>
                <a:latin typeface="Segoe UI Semibold" panose="020B0702040204020203" pitchFamily="34" charset="0"/>
                <a:ea typeface="+mn-ea"/>
                <a:cs typeface="Segoe UI Semibold" panose="020B0702040204020203" pitchFamily="34" charset="0"/>
              </a:endParaRPr>
            </a:p>
          </p:txBody>
        </p:sp>
      </p:grpSp>
      <p:sp>
        <p:nvSpPr>
          <p:cNvPr id="35" name="Rectangle 34">
            <a:extLst>
              <a:ext uri="{FF2B5EF4-FFF2-40B4-BE49-F238E27FC236}">
                <a16:creationId xmlns:a16="http://schemas.microsoft.com/office/drawing/2014/main" id="{E8FA63EE-4384-754E-AF07-801FF6870284}"/>
              </a:ext>
            </a:extLst>
          </p:cNvPr>
          <p:cNvSpPr/>
          <p:nvPr/>
        </p:nvSpPr>
        <p:spPr>
          <a:xfrm>
            <a:off x="4861406" y="6252460"/>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4" name="Rectangle 43">
            <a:extLst>
              <a:ext uri="{FF2B5EF4-FFF2-40B4-BE49-F238E27FC236}">
                <a16:creationId xmlns:a16="http://schemas.microsoft.com/office/drawing/2014/main" id="{10F023D3-51FE-4A4C-88AD-11B2F678C84D}"/>
              </a:ext>
            </a:extLst>
          </p:cNvPr>
          <p:cNvSpPr/>
          <p:nvPr/>
        </p:nvSpPr>
        <p:spPr>
          <a:xfrm>
            <a:off x="3626812" y="6252460"/>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5" name="Rectangle 44">
            <a:extLst>
              <a:ext uri="{FF2B5EF4-FFF2-40B4-BE49-F238E27FC236}">
                <a16:creationId xmlns:a16="http://schemas.microsoft.com/office/drawing/2014/main" id="{F3FBC521-9770-A64B-94B0-5E7BA8D4C362}"/>
              </a:ext>
            </a:extLst>
          </p:cNvPr>
          <p:cNvSpPr/>
          <p:nvPr/>
        </p:nvSpPr>
        <p:spPr>
          <a:xfrm>
            <a:off x="2430702" y="6262633"/>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6" name="Rectangle 45">
            <a:extLst>
              <a:ext uri="{FF2B5EF4-FFF2-40B4-BE49-F238E27FC236}">
                <a16:creationId xmlns:a16="http://schemas.microsoft.com/office/drawing/2014/main" id="{E32840BD-6F81-C145-8B4C-871FFF48F859}"/>
              </a:ext>
            </a:extLst>
          </p:cNvPr>
          <p:cNvSpPr/>
          <p:nvPr/>
        </p:nvSpPr>
        <p:spPr>
          <a:xfrm>
            <a:off x="1196105"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7" name="Rectangle 46">
            <a:extLst>
              <a:ext uri="{FF2B5EF4-FFF2-40B4-BE49-F238E27FC236}">
                <a16:creationId xmlns:a16="http://schemas.microsoft.com/office/drawing/2014/main" id="{559C145E-2D34-C840-AE29-7581E71C1CAE}"/>
              </a:ext>
            </a:extLst>
          </p:cNvPr>
          <p:cNvSpPr/>
          <p:nvPr/>
        </p:nvSpPr>
        <p:spPr>
          <a:xfrm>
            <a:off x="8565188" y="3786352"/>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9" name="Rectangle 48">
            <a:extLst>
              <a:ext uri="{FF2B5EF4-FFF2-40B4-BE49-F238E27FC236}">
                <a16:creationId xmlns:a16="http://schemas.microsoft.com/office/drawing/2014/main" id="{FBBD74E3-25AD-044A-9A6A-F0CA37ECC799}"/>
              </a:ext>
            </a:extLst>
          </p:cNvPr>
          <p:cNvSpPr/>
          <p:nvPr/>
        </p:nvSpPr>
        <p:spPr>
          <a:xfrm>
            <a:off x="9815483" y="2524231"/>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pic>
        <p:nvPicPr>
          <p:cNvPr id="50" name="Picture 49">
            <a:extLst>
              <a:ext uri="{FF2B5EF4-FFF2-40B4-BE49-F238E27FC236}">
                <a16:creationId xmlns:a16="http://schemas.microsoft.com/office/drawing/2014/main" id="{FF6D61FD-0C13-8D49-834A-0DE387E5A21E}"/>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8843765" y="25969"/>
            <a:ext cx="3348235" cy="1530099"/>
          </a:xfrm>
          <a:prstGeom prst="rect">
            <a:avLst/>
          </a:prstGeom>
        </p:spPr>
      </p:pic>
      <p:sp>
        <p:nvSpPr>
          <p:cNvPr id="51" name="TextBox 3">
            <a:extLst>
              <a:ext uri="{FF2B5EF4-FFF2-40B4-BE49-F238E27FC236}">
                <a16:creationId xmlns:a16="http://schemas.microsoft.com/office/drawing/2014/main" id="{053D8002-CCD2-CB45-BB6A-0CF1AA9074A6}"/>
              </a:ext>
            </a:extLst>
          </p:cNvPr>
          <p:cNvSpPr txBox="1"/>
          <p:nvPr/>
        </p:nvSpPr>
        <p:spPr>
          <a:xfrm>
            <a:off x="1261571" y="2247854"/>
            <a:ext cx="5811136" cy="936860"/>
          </a:xfrm>
          <a:prstGeom prst="rect">
            <a:avLst/>
          </a:prstGeom>
          <a:noFill/>
        </p:spPr>
        <p:txBody>
          <a:bodyPr wrap="square" lIns="0" tIns="0" rIns="0" bIns="0" rtlCol="0" anchor="b">
            <a:spAutoFit/>
          </a:bodyPr>
          <a:lstStyle/>
          <a:p>
            <a:pPr>
              <a:lnSpc>
                <a:spcPct val="110000"/>
              </a:lnSpc>
              <a:defRPr/>
            </a:pPr>
            <a:r>
              <a:rPr lang="en-US" sz="6000" dirty="0">
                <a:solidFill>
                  <a:srgbClr val="03A65A"/>
                </a:solidFill>
                <a:latin typeface="Arial" panose="020B0604020202020204" pitchFamily="34" charset="0"/>
                <a:cs typeface="Arial" panose="020B0604020202020204" pitchFamily="34" charset="0"/>
              </a:rPr>
              <a:t>THANK YOU.</a:t>
            </a:r>
          </a:p>
        </p:txBody>
      </p:sp>
      <p:sp>
        <p:nvSpPr>
          <p:cNvPr id="2" name="Slide Number Placeholder 1"/>
          <p:cNvSpPr>
            <a:spLocks noGrp="1"/>
          </p:cNvSpPr>
          <p:nvPr>
            <p:ph type="sldNum" sz="quarter" idx="12"/>
          </p:nvPr>
        </p:nvSpPr>
        <p:spPr/>
        <p:txBody>
          <a:bodyPr/>
          <a:lstStyle/>
          <a:p>
            <a:fld id="{BCCA197E-0889-4A4B-9EF4-38D9D114EE3E}" type="slidenum">
              <a:rPr lang="en-US" smtClean="0"/>
              <a:t>13</a:t>
            </a:fld>
            <a:endParaRPr lang="en-US"/>
          </a:p>
        </p:txBody>
      </p:sp>
    </p:spTree>
    <p:extLst>
      <p:ext uri="{BB962C8B-B14F-4D97-AF65-F5344CB8AC3E}">
        <p14:creationId xmlns:p14="http://schemas.microsoft.com/office/powerpoint/2010/main" val="321291945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Donut 23"/>
          <p:cNvSpPr/>
          <p:nvPr/>
        </p:nvSpPr>
        <p:spPr>
          <a:xfrm>
            <a:off x="-2178499" y="4482662"/>
            <a:ext cx="4556760" cy="4556760"/>
          </a:xfrm>
          <a:prstGeom prst="donut">
            <a:avLst/>
          </a:prstGeom>
          <a:solidFill>
            <a:srgbClr val="92D050">
              <a:alpha val="9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rgbClr val="1D1D1D"/>
              </a:solidFill>
              <a:effectLst/>
              <a:uLnTx/>
              <a:uFillTx/>
              <a:latin typeface="Metropolis Extra Light"/>
              <a:ea typeface="+mn-ea"/>
              <a:cs typeface="+mn-cs"/>
            </a:endParaRPr>
          </a:p>
        </p:txBody>
      </p:sp>
      <p:pic>
        <p:nvPicPr>
          <p:cNvPr id="11" name="Picture Placeholder 10">
            <a:extLst>
              <a:ext uri="{FF2B5EF4-FFF2-40B4-BE49-F238E27FC236}">
                <a16:creationId xmlns:a16="http://schemas.microsoft.com/office/drawing/2014/main" id="{BEADEFB1-46FD-445E-B799-CB359F474E32}"/>
              </a:ext>
            </a:extLst>
          </p:cNvPr>
          <p:cNvPicPr>
            <a:picLocks noGrp="1" noChangeAspect="1"/>
          </p:cNvPicPr>
          <p:nvPr>
            <p:ph type="pic" sz="quarter" idx="10"/>
          </p:nvPr>
        </p:nvPicPr>
        <p:blipFill rotWithShape="1">
          <a:blip r:embed="rId3" cstate="email">
            <a:extLst>
              <a:ext uri="{28A0092B-C50C-407E-A947-70E740481C1C}">
                <a14:useLocalDpi xmlns:a14="http://schemas.microsoft.com/office/drawing/2010/main"/>
              </a:ext>
            </a:extLst>
          </a:blip>
          <a:srcRect l="17765"/>
          <a:stretch/>
        </p:blipFill>
        <p:spPr>
          <a:xfrm>
            <a:off x="6112412" y="-189914"/>
            <a:ext cx="9236785" cy="7498080"/>
          </a:xfrm>
        </p:spPr>
      </p:pic>
      <p:sp>
        <p:nvSpPr>
          <p:cNvPr id="23" name="Donut 22"/>
          <p:cNvSpPr/>
          <p:nvPr/>
        </p:nvSpPr>
        <p:spPr>
          <a:xfrm>
            <a:off x="7517425" y="225230"/>
            <a:ext cx="4387971" cy="4387971"/>
          </a:xfrm>
          <a:prstGeom prst="donut">
            <a:avLst/>
          </a:prstGeom>
          <a:solidFill>
            <a:srgbClr val="009B62">
              <a:alpha val="6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srgbClr val="1D1D1D"/>
              </a:solidFill>
              <a:effectLst/>
              <a:uLnTx/>
              <a:uFillTx/>
              <a:latin typeface="Metropolis Extra Light"/>
              <a:ea typeface="+mn-ea"/>
              <a:cs typeface="+mn-cs"/>
            </a:endParaRPr>
          </a:p>
        </p:txBody>
      </p:sp>
      <p:sp>
        <p:nvSpPr>
          <p:cNvPr id="3" name="Rectangle 2">
            <a:extLst>
              <a:ext uri="{FF2B5EF4-FFF2-40B4-BE49-F238E27FC236}">
                <a16:creationId xmlns:a16="http://schemas.microsoft.com/office/drawing/2014/main" id="{7E6E621B-F12C-4E57-91BF-3041E38E4BD5}"/>
              </a:ext>
            </a:extLst>
          </p:cNvPr>
          <p:cNvSpPr/>
          <p:nvPr/>
        </p:nvSpPr>
        <p:spPr>
          <a:xfrm>
            <a:off x="4272455" y="2659117"/>
            <a:ext cx="3647090" cy="3647090"/>
          </a:xfrm>
          <a:prstGeom prst="rect">
            <a:avLst/>
          </a:prstGeom>
          <a:solidFill>
            <a:schemeClr val="bg2"/>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Segoe UI"/>
              <a:ea typeface="+mn-ea"/>
              <a:cs typeface="+mn-cs"/>
            </a:endParaRPr>
          </a:p>
        </p:txBody>
      </p:sp>
      <p:sp>
        <p:nvSpPr>
          <p:cNvPr id="2" name="Rectangle 1">
            <a:extLst>
              <a:ext uri="{FF2B5EF4-FFF2-40B4-BE49-F238E27FC236}">
                <a16:creationId xmlns:a16="http://schemas.microsoft.com/office/drawing/2014/main" id="{3482DE21-CA94-4BFA-BDBF-CDA2DD428203}"/>
              </a:ext>
            </a:extLst>
          </p:cNvPr>
          <p:cNvSpPr/>
          <p:nvPr/>
        </p:nvSpPr>
        <p:spPr>
          <a:xfrm>
            <a:off x="625365" y="2664512"/>
            <a:ext cx="3647090" cy="3647090"/>
          </a:xfrm>
          <a:prstGeom prst="rect">
            <a:avLst/>
          </a:prstGeom>
          <a:solidFill>
            <a:schemeClr val="accent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dirty="0">
              <a:ln>
                <a:noFill/>
              </a:ln>
              <a:solidFill>
                <a:prstClr val="white"/>
              </a:solidFill>
              <a:effectLst/>
              <a:uLnTx/>
              <a:uFillTx/>
              <a:latin typeface="Segoe UI"/>
              <a:ea typeface="+mn-ea"/>
              <a:cs typeface="+mn-cs"/>
            </a:endParaRPr>
          </a:p>
        </p:txBody>
      </p:sp>
      <p:sp>
        <p:nvSpPr>
          <p:cNvPr id="8" name="TextBox 13">
            <a:extLst>
              <a:ext uri="{FF2B5EF4-FFF2-40B4-BE49-F238E27FC236}">
                <a16:creationId xmlns:a16="http://schemas.microsoft.com/office/drawing/2014/main" id="{F4859B8D-75D4-4566-AA4E-FB365532BB97}"/>
              </a:ext>
            </a:extLst>
          </p:cNvPr>
          <p:cNvSpPr txBox="1"/>
          <p:nvPr/>
        </p:nvSpPr>
        <p:spPr>
          <a:xfrm>
            <a:off x="1005337" y="2862090"/>
            <a:ext cx="2160000" cy="369332"/>
          </a:xfrm>
          <a:prstGeom prst="rect">
            <a:avLst/>
          </a:prstGeom>
          <a:noFill/>
        </p:spPr>
        <p:txBody>
          <a:bodyPr wrap="square" lIns="0" tIns="0" rIns="0" bIns="0" rtlCol="0" anchor="t">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2400" b="1" i="0" u="none" strike="noStrike" kern="1200" cap="none" spc="0" normalizeH="0" baseline="0" noProof="0" dirty="0">
                <a:ln>
                  <a:noFill/>
                </a:ln>
                <a:solidFill>
                  <a:prstClr val="white"/>
                </a:solidFill>
                <a:effectLst/>
                <a:uLnTx/>
                <a:uFillTx/>
                <a:latin typeface="Arial" panose="020B0604020202020204" pitchFamily="34" charset="0"/>
                <a:ea typeface="+mn-ea"/>
                <a:cs typeface="Arial" panose="020B0604020202020204" pitchFamily="34" charset="0"/>
              </a:rPr>
              <a:t>Section 16</a:t>
            </a:r>
          </a:p>
        </p:txBody>
      </p:sp>
      <p:sp>
        <p:nvSpPr>
          <p:cNvPr id="9" name="TextBox 16">
            <a:extLst>
              <a:ext uri="{FF2B5EF4-FFF2-40B4-BE49-F238E27FC236}">
                <a16:creationId xmlns:a16="http://schemas.microsoft.com/office/drawing/2014/main" id="{E476FB28-A8A4-4469-A0FE-53843E6DC73C}"/>
              </a:ext>
            </a:extLst>
          </p:cNvPr>
          <p:cNvSpPr txBox="1"/>
          <p:nvPr/>
        </p:nvSpPr>
        <p:spPr>
          <a:xfrm>
            <a:off x="1004462" y="3429000"/>
            <a:ext cx="2785241" cy="2215991"/>
          </a:xfrm>
          <a:prstGeom prst="rect">
            <a:avLst/>
          </a:prstGeom>
          <a:noFill/>
        </p:spPr>
        <p:txBody>
          <a:bodyPr wrap="square" lIns="0" tIns="0" rIns="0" bIns="0" rtlCol="0" anchor="t">
            <a:spAutoFit/>
          </a:bodyPr>
          <a:lstStyle>
            <a:defPPr>
              <a:defRPr lang="fr-FR"/>
            </a:defPPr>
            <a:lvl1pPr>
              <a:lnSpc>
                <a:spcPct val="125000"/>
              </a:lnSpc>
              <a:defRPr sz="1200">
                <a:latin typeface="Segoe UI" panose="020B0502040204020203" pitchFamily="34" charset="0"/>
                <a:cs typeface="Segoe UI" panose="020B0502040204020203" pitchFamily="34" charset="0"/>
              </a:defRPr>
            </a:lvl1pPr>
          </a:lstStyle>
          <a:p>
            <a:pPr marL="0" marR="0" lvl="0" indent="0" algn="l" defTabSz="914400" rtl="0" eaLnBrk="1" fontAlgn="auto" latinLnBrk="0" hangingPunct="1">
              <a:lnSpc>
                <a:spcPct val="100000"/>
              </a:lnSpc>
              <a:spcBef>
                <a:spcPts val="600"/>
              </a:spcBef>
              <a:spcAft>
                <a:spcPts val="600"/>
              </a:spcAft>
              <a:buClrTx/>
              <a:buSzTx/>
              <a:buFontTx/>
              <a:buNone/>
              <a:tabLst/>
              <a:defRPr/>
            </a:pPr>
            <a:r>
              <a:rPr kumimoji="0" lang="en-US" sz="1800" b="0" i="0" u="none" strike="noStrike" kern="1200" cap="none" spc="0" normalizeH="0" baseline="0" noProof="0" dirty="0">
                <a:ln>
                  <a:noFill/>
                </a:ln>
                <a:solidFill>
                  <a:prstClr val="white"/>
                </a:solidFill>
                <a:effectLst/>
                <a:uLnTx/>
                <a:uFillTx/>
                <a:latin typeface="Arial" panose="020B0604020202020204" pitchFamily="34" charset="0"/>
                <a:ea typeface="+mn-ea"/>
                <a:cs typeface="Arial" panose="020B0604020202020204" pitchFamily="34" charset="0"/>
              </a:rPr>
              <a:t>Review and address any complaint by a taxpayer regarding a service, procedural or administrative matter arising from the application of the provisions of a tax Act. </a:t>
            </a:r>
          </a:p>
        </p:txBody>
      </p:sp>
      <p:sp>
        <p:nvSpPr>
          <p:cNvPr id="22" name="TextBox 3">
            <a:extLst>
              <a:ext uri="{FF2B5EF4-FFF2-40B4-BE49-F238E27FC236}">
                <a16:creationId xmlns:a16="http://schemas.microsoft.com/office/drawing/2014/main" id="{495CFD0A-9AF4-48BE-9012-FFCFEE069662}"/>
              </a:ext>
            </a:extLst>
          </p:cNvPr>
          <p:cNvSpPr txBox="1"/>
          <p:nvPr/>
        </p:nvSpPr>
        <p:spPr>
          <a:xfrm>
            <a:off x="947033" y="579067"/>
            <a:ext cx="5038131" cy="1431867"/>
          </a:xfrm>
          <a:prstGeom prst="rect">
            <a:avLst/>
          </a:prstGeom>
          <a:noFill/>
          <a:effectLst>
            <a:outerShdw blurRad="50800" dist="38100" dir="2700000" algn="tl" rotWithShape="0">
              <a:prstClr val="black">
                <a:alpha val="40000"/>
              </a:prstClr>
            </a:outerShdw>
          </a:effectLst>
        </p:spPr>
        <p:txBody>
          <a:bodyPr wrap="square" lIns="0" tIns="0" rIns="0" bIns="0" rtlCol="0" anchor="b">
            <a:spAutoFit/>
          </a:bodyPr>
          <a:lstStyle/>
          <a:p>
            <a:pPr marL="0" marR="0" lvl="0" indent="0" algn="l" defTabSz="914400" rtl="0" eaLnBrk="1" fontAlgn="auto" latinLnBrk="0" hangingPunct="1">
              <a:lnSpc>
                <a:spcPct val="110000"/>
              </a:lnSpc>
              <a:spcBef>
                <a:spcPts val="0"/>
              </a:spcBef>
              <a:spcAft>
                <a:spcPts val="0"/>
              </a:spcAft>
              <a:buClrTx/>
              <a:buSzTx/>
              <a:buFontTx/>
              <a:buNone/>
              <a:tabLst/>
              <a:defRPr/>
            </a:pPr>
            <a:r>
              <a:rPr kumimoji="0" lang="en-US" sz="4400" b="1" i="0" u="none" strike="noStrike" kern="1200" cap="none" spc="0" normalizeH="0" baseline="0" noProof="0" dirty="0">
                <a:ln>
                  <a:noFill/>
                </a:ln>
                <a:solidFill>
                  <a:srgbClr val="002060"/>
                </a:solidFill>
                <a:effectLst/>
                <a:uLnTx/>
                <a:uFillTx/>
                <a:latin typeface="Arial" panose="020B0604020202020204" pitchFamily="34" charset="0"/>
                <a:ea typeface="+mn-ea"/>
                <a:cs typeface="Arial" panose="020B0604020202020204" pitchFamily="34" charset="0"/>
              </a:rPr>
              <a:t>MANDATE</a:t>
            </a:r>
            <a:r>
              <a:rPr kumimoji="0" lang="en-US" sz="4400" b="0" i="0" u="none" strike="noStrike" kern="1200" cap="none" spc="0" normalizeH="0" baseline="0" noProof="0" dirty="0">
                <a:ln>
                  <a:noFill/>
                </a:ln>
                <a:solidFill>
                  <a:srgbClr val="009B62"/>
                </a:solidFill>
                <a:effectLst/>
                <a:uLnTx/>
                <a:uFillTx/>
                <a:latin typeface="Arial" panose="020B0604020202020204" pitchFamily="34" charset="0"/>
                <a:ea typeface="+mn-ea"/>
                <a:cs typeface="Arial" panose="020B0604020202020204" pitchFamily="34" charset="0"/>
              </a:rPr>
              <a:t> OF THE </a:t>
            </a:r>
          </a:p>
          <a:p>
            <a:pPr marL="0" marR="0" lvl="0" indent="0" algn="l" defTabSz="914400" rtl="0" eaLnBrk="1" fontAlgn="auto" latinLnBrk="0" hangingPunct="1">
              <a:lnSpc>
                <a:spcPct val="110000"/>
              </a:lnSpc>
              <a:spcBef>
                <a:spcPts val="0"/>
              </a:spcBef>
              <a:spcAft>
                <a:spcPts val="0"/>
              </a:spcAft>
              <a:buClrTx/>
              <a:buSzTx/>
              <a:buFontTx/>
              <a:buNone/>
              <a:tabLst/>
              <a:defRPr/>
            </a:pPr>
            <a:r>
              <a:rPr kumimoji="0" lang="en-US" sz="4400" b="0" i="0" u="none" strike="noStrike" kern="1200" cap="none" spc="0" normalizeH="0" baseline="0" noProof="0" dirty="0">
                <a:ln>
                  <a:noFill/>
                </a:ln>
                <a:solidFill>
                  <a:srgbClr val="009B62"/>
                </a:solidFill>
                <a:effectLst/>
                <a:uLnTx/>
                <a:uFillTx/>
                <a:latin typeface="Arial" panose="020B0604020202020204" pitchFamily="34" charset="0"/>
                <a:ea typeface="+mn-ea"/>
                <a:cs typeface="Arial" panose="020B0604020202020204" pitchFamily="34" charset="0"/>
              </a:rPr>
              <a:t>TAX OMBUD</a:t>
            </a:r>
            <a:endParaRPr kumimoji="0" lang="en-US" sz="4400" b="0" i="0" u="none" strike="noStrike" kern="1200" cap="none" spc="0" normalizeH="0" baseline="0" noProof="0" dirty="0">
              <a:ln>
                <a:noFill/>
              </a:ln>
              <a:solidFill>
                <a:srgbClr val="1D1D1D"/>
              </a:solidFill>
              <a:effectLst/>
              <a:uLnTx/>
              <a:uFillTx/>
              <a:latin typeface="Arial" panose="020B0604020202020204" pitchFamily="34" charset="0"/>
              <a:ea typeface="+mn-ea"/>
              <a:cs typeface="Arial" panose="020B0604020202020204" pitchFamily="34" charset="0"/>
            </a:endParaRPr>
          </a:p>
        </p:txBody>
      </p:sp>
      <p:sp>
        <p:nvSpPr>
          <p:cNvPr id="21" name="TextBox 16">
            <a:extLst>
              <a:ext uri="{FF2B5EF4-FFF2-40B4-BE49-F238E27FC236}">
                <a16:creationId xmlns:a16="http://schemas.microsoft.com/office/drawing/2014/main" id="{E476FB28-A8A4-4469-A0FE-53843E6DC73C}"/>
              </a:ext>
            </a:extLst>
          </p:cNvPr>
          <p:cNvSpPr txBox="1"/>
          <p:nvPr/>
        </p:nvSpPr>
        <p:spPr>
          <a:xfrm>
            <a:off x="4657561" y="3477274"/>
            <a:ext cx="2785241" cy="2769989"/>
          </a:xfrm>
          <a:prstGeom prst="rect">
            <a:avLst/>
          </a:prstGeom>
          <a:noFill/>
        </p:spPr>
        <p:txBody>
          <a:bodyPr wrap="square" lIns="0" tIns="0" rIns="0" bIns="0" rtlCol="0" anchor="t">
            <a:spAutoFit/>
          </a:bodyPr>
          <a:lstStyle>
            <a:defPPr>
              <a:defRPr lang="fr-FR"/>
            </a:defPPr>
            <a:lvl1pPr>
              <a:lnSpc>
                <a:spcPct val="125000"/>
              </a:lnSpc>
              <a:defRPr sz="1200">
                <a:latin typeface="Segoe UI" panose="020B0502040204020203" pitchFamily="34" charset="0"/>
                <a:cs typeface="Segoe UI" panose="020B0502040204020203" pitchFamily="34" charset="0"/>
              </a:defRPr>
            </a:lvl1pPr>
          </a:lstStyle>
          <a:p>
            <a:pPr marL="0" marR="0" lvl="0" indent="0" algn="l" defTabSz="914400" rtl="0" eaLnBrk="1" fontAlgn="auto" latinLnBrk="0" hangingPunct="1">
              <a:lnSpc>
                <a:spcPct val="100000"/>
              </a:lnSpc>
              <a:spcBef>
                <a:spcPts val="600"/>
              </a:spcBef>
              <a:spcAft>
                <a:spcPts val="600"/>
              </a:spcAft>
              <a:buClrTx/>
              <a:buSzTx/>
              <a:buFontTx/>
              <a:buNone/>
              <a:tabLst/>
              <a:defRPr/>
            </a:pPr>
            <a:r>
              <a:rPr kumimoji="0" lang="en-US" sz="1800" b="0" i="0" u="none" strike="noStrike" kern="1200" cap="none" spc="0" normalizeH="0" baseline="0" noProof="0" dirty="0">
                <a:ln>
                  <a:noFill/>
                </a:ln>
                <a:solidFill>
                  <a:srgbClr val="002060"/>
                </a:solidFill>
                <a:effectLst/>
                <a:uLnTx/>
                <a:uFillTx/>
                <a:latin typeface="Arial" panose="020B0604020202020204" pitchFamily="34" charset="0"/>
                <a:ea typeface="+mn-ea"/>
                <a:cs typeface="Arial" panose="020B0604020202020204" pitchFamily="34" charset="0"/>
              </a:rPr>
              <a:t>Review at the request of the Minister or at the initiative of the Tax Ombud with the Minister’s approval on any systemic/emerging issue relating to service matters or the applications of this Act or procedural/administrative provisions of a tax Act.</a:t>
            </a:r>
          </a:p>
        </p:txBody>
      </p:sp>
      <p:sp>
        <p:nvSpPr>
          <p:cNvPr id="16" name="TextBox 13">
            <a:extLst>
              <a:ext uri="{FF2B5EF4-FFF2-40B4-BE49-F238E27FC236}">
                <a16:creationId xmlns:a16="http://schemas.microsoft.com/office/drawing/2014/main" id="{F4859B8D-75D4-4566-AA4E-FB365532BB97}"/>
              </a:ext>
            </a:extLst>
          </p:cNvPr>
          <p:cNvSpPr txBox="1"/>
          <p:nvPr/>
        </p:nvSpPr>
        <p:spPr>
          <a:xfrm>
            <a:off x="4657561" y="2868149"/>
            <a:ext cx="2523499" cy="369332"/>
          </a:xfrm>
          <a:prstGeom prst="rect">
            <a:avLst/>
          </a:prstGeom>
          <a:noFill/>
        </p:spPr>
        <p:txBody>
          <a:bodyPr wrap="square" lIns="0" tIns="0" rIns="0" bIns="0" rtlCol="0" anchor="t">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002060"/>
                </a:solidFill>
                <a:effectLst/>
                <a:uLnTx/>
                <a:uFillTx/>
                <a:latin typeface="Arial" panose="020B0604020202020204" pitchFamily="34" charset="0"/>
                <a:ea typeface="+mn-ea"/>
                <a:cs typeface="Arial" panose="020B0604020202020204" pitchFamily="34" charset="0"/>
              </a:rPr>
              <a:t>Section 16(1)(b)</a:t>
            </a:r>
          </a:p>
        </p:txBody>
      </p:sp>
    </p:spTree>
    <p:extLst>
      <p:ext uri="{BB962C8B-B14F-4D97-AF65-F5344CB8AC3E}">
        <p14:creationId xmlns:p14="http://schemas.microsoft.com/office/powerpoint/2010/main" val="147993633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6" y="5026579"/>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310592"/>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2" name="TextBox 41">
            <a:extLst>
              <a:ext uri="{FF2B5EF4-FFF2-40B4-BE49-F238E27FC236}">
                <a16:creationId xmlns:a16="http://schemas.microsoft.com/office/drawing/2014/main" id="{69A0E888-82CB-9C49-A995-FC49B56DCC0F}"/>
              </a:ext>
            </a:extLst>
          </p:cNvPr>
          <p:cNvSpPr txBox="1"/>
          <p:nvPr/>
        </p:nvSpPr>
        <p:spPr>
          <a:xfrm>
            <a:off x="1080650" y="201252"/>
            <a:ext cx="9717338" cy="1263872"/>
          </a:xfrm>
          <a:prstGeom prst="rect">
            <a:avLst/>
          </a:prstGeom>
          <a:noFill/>
        </p:spPr>
        <p:txBody>
          <a:bodyPr wrap="square">
            <a:spAutoFit/>
          </a:bodyPr>
          <a:lstStyle/>
          <a:p>
            <a:pPr marL="0" marR="0" lvl="0" indent="0" algn="ctr" defTabSz="914400" rtl="0" eaLnBrk="1" fontAlgn="auto" latinLnBrk="0" hangingPunct="1">
              <a:lnSpc>
                <a:spcPct val="110000"/>
              </a:lnSpc>
              <a:spcBef>
                <a:spcPts val="0"/>
              </a:spcBef>
              <a:spcAft>
                <a:spcPts val="0"/>
              </a:spcAft>
              <a:buClrTx/>
              <a:buSzTx/>
              <a:buFontTx/>
              <a:buNone/>
              <a:tabLst/>
              <a:defRPr/>
            </a:pPr>
            <a:r>
              <a:rPr lang="en-US" sz="3600" b="1" dirty="0">
                <a:solidFill>
                  <a:srgbClr val="03A65A"/>
                </a:solidFill>
                <a:latin typeface="Arial" panose="020B0604020202020204" pitchFamily="34" charset="0"/>
                <a:cs typeface="Arial" panose="020B0604020202020204" pitchFamily="34" charset="0"/>
              </a:rPr>
              <a:t>CHALLENGES FACING THE TAX OMBUD IN </a:t>
            </a:r>
          </a:p>
          <a:p>
            <a:pPr marL="0" marR="0" lvl="0" indent="0" algn="ctr" defTabSz="914400" rtl="0" eaLnBrk="1" fontAlgn="auto" latinLnBrk="0" hangingPunct="1">
              <a:lnSpc>
                <a:spcPct val="110000"/>
              </a:lnSpc>
              <a:spcBef>
                <a:spcPts val="0"/>
              </a:spcBef>
              <a:spcAft>
                <a:spcPts val="0"/>
              </a:spcAft>
              <a:buClrTx/>
              <a:buSzTx/>
              <a:buFontTx/>
              <a:buNone/>
              <a:tabLst/>
              <a:defRPr/>
            </a:pPr>
            <a:r>
              <a:rPr kumimoji="0" lang="en-US" sz="3600" b="1" i="0" u="none" strike="noStrike" kern="1200" cap="none" spc="0" normalizeH="0" baseline="0" noProof="0" dirty="0">
                <a:ln>
                  <a:noFill/>
                </a:ln>
                <a:solidFill>
                  <a:srgbClr val="03A65A"/>
                </a:solidFill>
                <a:effectLst/>
                <a:uLnTx/>
                <a:uFillTx/>
                <a:latin typeface="Arial" panose="020B0604020202020204" pitchFamily="34" charset="0"/>
                <a:cs typeface="Arial" panose="020B0604020202020204" pitchFamily="34" charset="0"/>
              </a:rPr>
              <a:t>DICHARGING HIS MANDATE</a:t>
            </a:r>
            <a:endParaRPr kumimoji="0" lang="en-US" sz="3600" b="0" i="0" u="none" strike="noStrike" kern="1200" cap="none" spc="0" normalizeH="0" baseline="0" noProof="0" dirty="0">
              <a:ln>
                <a:noFill/>
              </a:ln>
              <a:solidFill>
                <a:srgbClr val="03A65A"/>
              </a:solidFill>
              <a:effectLst/>
              <a:uLnTx/>
              <a:uFillTx/>
              <a:latin typeface="Arial" panose="020B0604020202020204" pitchFamily="34" charset="0"/>
              <a:cs typeface="Arial" panose="020B0604020202020204" pitchFamily="34" charset="0"/>
            </a:endParaRPr>
          </a:p>
        </p:txBody>
      </p:sp>
      <p:sp>
        <p:nvSpPr>
          <p:cNvPr id="46" name="TextBox 45">
            <a:extLst>
              <a:ext uri="{FF2B5EF4-FFF2-40B4-BE49-F238E27FC236}">
                <a16:creationId xmlns:a16="http://schemas.microsoft.com/office/drawing/2014/main" id="{CAEC504A-BFCE-2F46-B1E1-CA0210DFDBFC}"/>
              </a:ext>
            </a:extLst>
          </p:cNvPr>
          <p:cNvSpPr txBox="1"/>
          <p:nvPr/>
        </p:nvSpPr>
        <p:spPr>
          <a:xfrm>
            <a:off x="1314277" y="1666384"/>
            <a:ext cx="9717388" cy="3416320"/>
          </a:xfrm>
          <a:prstGeom prst="rect">
            <a:avLst/>
          </a:prstGeom>
          <a:noFill/>
        </p:spPr>
        <p:txBody>
          <a:bodyPr wrap="square">
            <a:spAutoFit/>
          </a:bodyPr>
          <a:lstStyle/>
          <a:p>
            <a:pPr marL="285750" lvl="0" indent="-285750">
              <a:buFont typeface="Arial" panose="020B0604020202020204" pitchFamily="34" charset="0"/>
              <a:buChar char="•"/>
            </a:pPr>
            <a:r>
              <a:rPr lang="en-ZA" sz="1800" b="1" dirty="0" smtClean="0">
                <a:effectLst/>
                <a:ea typeface="Calibri" panose="020F0502020204030204" pitchFamily="34" charset="0"/>
              </a:rPr>
              <a:t>Independence of the Office of the Tax Ombud </a:t>
            </a:r>
            <a:r>
              <a:rPr lang="en-ZA" sz="1800" dirty="0" smtClean="0">
                <a:effectLst/>
                <a:ea typeface="Calibri" panose="020F0502020204030204" pitchFamily="34" charset="0"/>
              </a:rPr>
              <a:t>- The </a:t>
            </a:r>
            <a:r>
              <a:rPr lang="en-ZA" sz="1800" dirty="0">
                <a:effectLst/>
                <a:ea typeface="Calibri" panose="020F0502020204030204" pitchFamily="34" charset="0"/>
              </a:rPr>
              <a:t>Tax Ombud’s appointment and powers and duties are derived from and assigned by the Tax Administration Act. These are specific and do not include accounting officer responsibilities nor the associated governance and fiduciary </a:t>
            </a:r>
            <a:r>
              <a:rPr lang="en-ZA" sz="1800" dirty="0" smtClean="0">
                <a:effectLst/>
                <a:ea typeface="Calibri" panose="020F0502020204030204" pitchFamily="34" charset="0"/>
              </a:rPr>
              <a:t>obligations.</a:t>
            </a:r>
          </a:p>
          <a:p>
            <a:pPr marL="285750" lvl="0" indent="-285750">
              <a:buFont typeface="Arial" panose="020B0604020202020204" pitchFamily="34" charset="0"/>
              <a:buChar char="•"/>
            </a:pPr>
            <a:endParaRPr lang="en-ZA" i="1" dirty="0">
              <a:ea typeface="Calibri" panose="020F0502020204030204" pitchFamily="34" charset="0"/>
            </a:endParaRPr>
          </a:p>
          <a:p>
            <a:pPr marL="742950" lvl="1" indent="-285750">
              <a:buFont typeface="Arial" panose="020B0604020202020204" pitchFamily="34" charset="0"/>
              <a:buChar char="•"/>
            </a:pPr>
            <a:r>
              <a:rPr lang="en-ZA" i="1" dirty="0" smtClean="0">
                <a:effectLst/>
                <a:ea typeface="Calibri" panose="020F0502020204030204" pitchFamily="34" charset="0"/>
              </a:rPr>
              <a:t>For example: Administratively</a:t>
            </a:r>
            <a:r>
              <a:rPr lang="en-ZA" i="1" dirty="0">
                <a:effectLst/>
                <a:ea typeface="Calibri" panose="020F0502020204030204" pitchFamily="34" charset="0"/>
              </a:rPr>
              <a:t>, OTO operates as a unit within SARS. The Commissioner of SARS retains accounting officer responsibilities for all budget and associated governance functions in terms of the PFMA.</a:t>
            </a:r>
          </a:p>
          <a:p>
            <a:pPr marL="285750" lvl="0" indent="-285750">
              <a:buFont typeface="Arial" panose="020B0604020202020204" pitchFamily="34" charset="0"/>
              <a:buChar char="•"/>
            </a:pPr>
            <a:endParaRPr lang="en-ZA" sz="1800" dirty="0">
              <a:effectLst/>
              <a:ea typeface="Calibri" panose="020F0502020204030204" pitchFamily="34" charset="0"/>
            </a:endParaRPr>
          </a:p>
          <a:p>
            <a:pPr marL="285750" lvl="0" indent="-285750">
              <a:buFont typeface="Arial" panose="020B0604020202020204" pitchFamily="34" charset="0"/>
              <a:buChar char="•"/>
            </a:pPr>
            <a:r>
              <a:rPr lang="en-ZA" sz="1800" b="1" dirty="0" smtClean="0">
                <a:effectLst/>
                <a:ea typeface="Calibri" panose="020F0502020204030204" pitchFamily="34" charset="0"/>
              </a:rPr>
              <a:t>Proposed Institutional </a:t>
            </a:r>
            <a:r>
              <a:rPr lang="en-ZA" sz="1800" b="1" dirty="0">
                <a:effectLst/>
                <a:ea typeface="Calibri" panose="020F0502020204030204" pitchFamily="34" charset="0"/>
              </a:rPr>
              <a:t>Options </a:t>
            </a:r>
            <a:endParaRPr lang="en-ZA" sz="1800" b="1" dirty="0" smtClean="0">
              <a:effectLst/>
              <a:ea typeface="Calibri" panose="020F0502020204030204" pitchFamily="34" charset="0"/>
            </a:endParaRPr>
          </a:p>
          <a:p>
            <a:pPr marL="742950" lvl="1" indent="-285750">
              <a:buFont typeface="Arial" panose="020B0604020202020204" pitchFamily="34" charset="0"/>
              <a:buChar char="•"/>
            </a:pPr>
            <a:r>
              <a:rPr lang="en-ZA" dirty="0" smtClean="0">
                <a:effectLst/>
                <a:ea typeface="Calibri" panose="020F0502020204030204" pitchFamily="34" charset="0"/>
              </a:rPr>
              <a:t>Assessment </a:t>
            </a:r>
            <a:r>
              <a:rPr lang="en-ZA" dirty="0">
                <a:effectLst/>
                <a:ea typeface="Calibri" panose="020F0502020204030204" pitchFamily="34" charset="0"/>
              </a:rPr>
              <a:t>and Business Case Recommendations done with GTAC have </a:t>
            </a:r>
            <a:r>
              <a:rPr lang="en-ZA" dirty="0" smtClean="0">
                <a:effectLst/>
                <a:ea typeface="Calibri" panose="020F0502020204030204" pitchFamily="34" charset="0"/>
              </a:rPr>
              <a:t>been sent </a:t>
            </a:r>
            <a:r>
              <a:rPr lang="en-ZA" dirty="0">
                <a:effectLst/>
                <a:ea typeface="Calibri" panose="020F0502020204030204" pitchFamily="34" charset="0"/>
              </a:rPr>
              <a:t>to the Minister of </a:t>
            </a:r>
            <a:r>
              <a:rPr lang="en-ZA" dirty="0" smtClean="0">
                <a:effectLst/>
                <a:ea typeface="Calibri" panose="020F0502020204030204" pitchFamily="34" charset="0"/>
              </a:rPr>
              <a:t>Finance.</a:t>
            </a:r>
            <a:endParaRPr lang="en-ZA" dirty="0">
              <a:effectLst/>
              <a:ea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i="0" u="none" strike="noStrike" kern="1200" cap="none" spc="0" normalizeH="0" baseline="0" noProof="0" dirty="0">
              <a:ln>
                <a:noFill/>
              </a:ln>
              <a:solidFill>
                <a:schemeClr val="tx1">
                  <a:lumMod val="75000"/>
                  <a:lumOff val="25000"/>
                </a:schemeClr>
              </a:solidFill>
              <a:effectLst/>
              <a:uLnTx/>
              <a:uFillTx/>
              <a:latin typeface="Arial" panose="020B0604020202020204" pitchFamily="34" charset="0"/>
              <a:cs typeface="Arial" panose="020B0604020202020204" pitchFamily="34" charset="0"/>
            </a:endParaRPr>
          </a:p>
        </p:txBody>
      </p:sp>
      <p:pic>
        <p:nvPicPr>
          <p:cNvPr id="20" name="Picture 19" descr="Calendar&#10;&#10;Description automatically generated">
            <a:extLst>
              <a:ext uri="{FF2B5EF4-FFF2-40B4-BE49-F238E27FC236}">
                <a16:creationId xmlns:a16="http://schemas.microsoft.com/office/drawing/2014/main" id="{345D932D-C1BC-0D4E-89E3-DFEA988ED919}"/>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r="-14246"/>
          <a:stretch/>
        </p:blipFill>
        <p:spPr>
          <a:xfrm>
            <a:off x="9876751" y="6252460"/>
            <a:ext cx="1234593" cy="893948"/>
          </a:xfrm>
          <a:prstGeom prst="rect">
            <a:avLst/>
          </a:prstGeom>
        </p:spPr>
      </p:pic>
      <p:sp>
        <p:nvSpPr>
          <p:cNvPr id="23" name="Rectangle 22">
            <a:extLst>
              <a:ext uri="{FF2B5EF4-FFF2-40B4-BE49-F238E27FC236}">
                <a16:creationId xmlns:a16="http://schemas.microsoft.com/office/drawing/2014/main" id="{FE22C835-3EDD-2849-B512-B3DB2A99C81A}"/>
              </a:ext>
            </a:extLst>
          </p:cNvPr>
          <p:cNvSpPr/>
          <p:nvPr/>
        </p:nvSpPr>
        <p:spPr>
          <a:xfrm>
            <a:off x="1215037" y="6310591"/>
            <a:ext cx="1080655" cy="1080655"/>
          </a:xfrm>
          <a:prstGeom prst="rect">
            <a:avLst/>
          </a:prstGeom>
          <a:solidFill>
            <a:srgbClr val="85BF4B">
              <a:alpha val="7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a:extLst>
              <a:ext uri="{FF2B5EF4-FFF2-40B4-BE49-F238E27FC236}">
                <a16:creationId xmlns:a16="http://schemas.microsoft.com/office/drawing/2014/main" id="{6A400E16-F497-684E-9D72-686801D40E6E}"/>
              </a:ext>
            </a:extLst>
          </p:cNvPr>
          <p:cNvSpPr/>
          <p:nvPr/>
        </p:nvSpPr>
        <p:spPr>
          <a:xfrm>
            <a:off x="11111345" y="5026579"/>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ectangle 24">
            <a:extLst>
              <a:ext uri="{FF2B5EF4-FFF2-40B4-BE49-F238E27FC236}">
                <a16:creationId xmlns:a16="http://schemas.microsoft.com/office/drawing/2014/main" id="{09D83900-D96F-144F-A27D-B8BEC5020711}"/>
              </a:ext>
            </a:extLst>
          </p:cNvPr>
          <p:cNvSpPr/>
          <p:nvPr/>
        </p:nvSpPr>
        <p:spPr>
          <a:xfrm>
            <a:off x="2368811" y="6256453"/>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6" name="Rectangle 25">
            <a:extLst>
              <a:ext uri="{FF2B5EF4-FFF2-40B4-BE49-F238E27FC236}">
                <a16:creationId xmlns:a16="http://schemas.microsoft.com/office/drawing/2014/main" id="{DB3A27C3-02DA-A441-8BD6-A7FDBC8C75F9}"/>
              </a:ext>
            </a:extLst>
          </p:cNvPr>
          <p:cNvSpPr/>
          <p:nvPr/>
        </p:nvSpPr>
        <p:spPr>
          <a:xfrm>
            <a:off x="9876752" y="6252461"/>
            <a:ext cx="1080655" cy="1080655"/>
          </a:xfrm>
          <a:prstGeom prst="rect">
            <a:avLst/>
          </a:prstGeom>
          <a:solidFill>
            <a:srgbClr val="D3D936">
              <a:alpha val="7531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ectangle 26">
            <a:extLst>
              <a:ext uri="{FF2B5EF4-FFF2-40B4-BE49-F238E27FC236}">
                <a16:creationId xmlns:a16="http://schemas.microsoft.com/office/drawing/2014/main" id="{04C99690-30E1-4A48-A1AF-A8665F8D1B09}"/>
              </a:ext>
            </a:extLst>
          </p:cNvPr>
          <p:cNvSpPr/>
          <p:nvPr/>
        </p:nvSpPr>
        <p:spPr>
          <a:xfrm>
            <a:off x="11111345"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a:extLst>
              <a:ext uri="{FF2B5EF4-FFF2-40B4-BE49-F238E27FC236}">
                <a16:creationId xmlns:a16="http://schemas.microsoft.com/office/drawing/2014/main" id="{2EEDA1F7-5FB7-1449-B8B4-B231DEC68FA3}"/>
              </a:ext>
            </a:extLst>
          </p:cNvPr>
          <p:cNvSpPr/>
          <p:nvPr/>
        </p:nvSpPr>
        <p:spPr>
          <a:xfrm>
            <a:off x="3660665" y="6252457"/>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3" name="Rectangle 32">
            <a:extLst>
              <a:ext uri="{FF2B5EF4-FFF2-40B4-BE49-F238E27FC236}">
                <a16:creationId xmlns:a16="http://schemas.microsoft.com/office/drawing/2014/main" id="{5F05CB28-8AEC-BD44-940B-804D4EB47ACF}"/>
              </a:ext>
            </a:extLst>
          </p:cNvPr>
          <p:cNvSpPr/>
          <p:nvPr/>
        </p:nvSpPr>
        <p:spPr>
          <a:xfrm>
            <a:off x="6172971" y="6256453"/>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5" name="Rectangle 34">
            <a:extLst>
              <a:ext uri="{FF2B5EF4-FFF2-40B4-BE49-F238E27FC236}">
                <a16:creationId xmlns:a16="http://schemas.microsoft.com/office/drawing/2014/main" id="{655BA2A2-4724-DA49-9C9A-5E377EB902AD}"/>
              </a:ext>
            </a:extLst>
          </p:cNvPr>
          <p:cNvSpPr/>
          <p:nvPr/>
        </p:nvSpPr>
        <p:spPr>
          <a:xfrm>
            <a:off x="4930674" y="6256453"/>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pic>
        <p:nvPicPr>
          <p:cNvPr id="41" name="Picture 40" descr="A gavel on a table&#10;&#10;Description automatically generated with medium confidence">
            <a:extLst>
              <a:ext uri="{FF2B5EF4-FFF2-40B4-BE49-F238E27FC236}">
                <a16:creationId xmlns:a16="http://schemas.microsoft.com/office/drawing/2014/main" id="{3E06CC8D-80EC-F641-A79E-B8F9ECB8C646}"/>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7399864" y="6252459"/>
            <a:ext cx="2322946" cy="1080655"/>
          </a:xfrm>
          <a:prstGeom prst="rect">
            <a:avLst/>
          </a:prstGeom>
        </p:spPr>
      </p:pic>
      <p:sp>
        <p:nvSpPr>
          <p:cNvPr id="43" name="Rectangle 42">
            <a:extLst>
              <a:ext uri="{FF2B5EF4-FFF2-40B4-BE49-F238E27FC236}">
                <a16:creationId xmlns:a16="http://schemas.microsoft.com/office/drawing/2014/main" id="{83604BF0-DE26-054E-8EF3-E20A1CCE3642}"/>
              </a:ext>
            </a:extLst>
          </p:cNvPr>
          <p:cNvSpPr/>
          <p:nvPr/>
        </p:nvSpPr>
        <p:spPr>
          <a:xfrm>
            <a:off x="7399861" y="6252458"/>
            <a:ext cx="2315249" cy="1080655"/>
          </a:xfrm>
          <a:prstGeom prst="rect">
            <a:avLst/>
          </a:prstGeom>
          <a:solidFill>
            <a:srgbClr val="36ABD9">
              <a:alpha val="74851"/>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Slide Number Placeholder 1"/>
          <p:cNvSpPr>
            <a:spLocks noGrp="1"/>
          </p:cNvSpPr>
          <p:nvPr>
            <p:ph type="sldNum" sz="quarter" idx="12"/>
          </p:nvPr>
        </p:nvSpPr>
        <p:spPr/>
        <p:txBody>
          <a:bodyPr/>
          <a:lstStyle/>
          <a:p>
            <a:fld id="{BCCA197E-0889-4A4B-9EF4-38D9D114EE3E}" type="slidenum">
              <a:rPr lang="en-US" smtClean="0"/>
              <a:t>3</a:t>
            </a:fld>
            <a:endParaRPr lang="en-US"/>
          </a:p>
        </p:txBody>
      </p:sp>
    </p:spTree>
    <p:extLst>
      <p:ext uri="{BB962C8B-B14F-4D97-AF65-F5344CB8AC3E}">
        <p14:creationId xmlns:p14="http://schemas.microsoft.com/office/powerpoint/2010/main" val="110488570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6" y="5026579"/>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310592"/>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2" name="TextBox 41">
            <a:extLst>
              <a:ext uri="{FF2B5EF4-FFF2-40B4-BE49-F238E27FC236}">
                <a16:creationId xmlns:a16="http://schemas.microsoft.com/office/drawing/2014/main" id="{69A0E888-82CB-9C49-A995-FC49B56DCC0F}"/>
              </a:ext>
            </a:extLst>
          </p:cNvPr>
          <p:cNvSpPr txBox="1"/>
          <p:nvPr/>
        </p:nvSpPr>
        <p:spPr>
          <a:xfrm>
            <a:off x="1080650" y="201252"/>
            <a:ext cx="10711134" cy="590931"/>
          </a:xfrm>
          <a:prstGeom prst="rect">
            <a:avLst/>
          </a:prstGeom>
          <a:noFill/>
        </p:spPr>
        <p:txBody>
          <a:bodyPr wrap="square">
            <a:spAutoFit/>
          </a:bodyPr>
          <a:lstStyle/>
          <a:p>
            <a:pPr marL="720000" lvl="0" indent="-1080000" algn="ctr">
              <a:lnSpc>
                <a:spcPct val="90000"/>
              </a:lnSpc>
              <a:defRPr/>
            </a:pPr>
            <a:r>
              <a:rPr lang="en-US" sz="3600" b="1" dirty="0" smtClean="0">
                <a:solidFill>
                  <a:srgbClr val="03A65A"/>
                </a:solidFill>
                <a:latin typeface="Arial" panose="020B0604020202020204" pitchFamily="34" charset="0"/>
                <a:cs typeface="Arial" panose="020B0604020202020204" pitchFamily="34" charset="0"/>
              </a:rPr>
              <a:t>TAXPAYERS COMPLAINTS</a:t>
            </a:r>
            <a:endParaRPr lang="fr-FR" sz="3600" b="1" dirty="0">
              <a:solidFill>
                <a:srgbClr val="292759"/>
              </a:solidFill>
              <a:latin typeface="Arial" panose="020B0604020202020204" pitchFamily="34" charset="0"/>
              <a:cs typeface="Arial" panose="020B0604020202020204" pitchFamily="34" charset="0"/>
            </a:endParaRPr>
          </a:p>
        </p:txBody>
      </p:sp>
      <p:sp>
        <p:nvSpPr>
          <p:cNvPr id="46" name="TextBox 45">
            <a:extLst>
              <a:ext uri="{FF2B5EF4-FFF2-40B4-BE49-F238E27FC236}">
                <a16:creationId xmlns:a16="http://schemas.microsoft.com/office/drawing/2014/main" id="{CAEC504A-BFCE-2F46-B1E1-CA0210DFDBFC}"/>
              </a:ext>
            </a:extLst>
          </p:cNvPr>
          <p:cNvSpPr txBox="1"/>
          <p:nvPr/>
        </p:nvSpPr>
        <p:spPr>
          <a:xfrm>
            <a:off x="1234537" y="3064559"/>
            <a:ext cx="9717388" cy="369332"/>
          </a:xfrm>
          <a:prstGeom prst="rect">
            <a:avLst/>
          </a:prstGeom>
          <a:no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i="0" u="none" strike="noStrike" kern="1200" cap="none" spc="0" normalizeH="0" baseline="0" noProof="0" dirty="0">
              <a:ln>
                <a:noFill/>
              </a:ln>
              <a:solidFill>
                <a:schemeClr val="tx1">
                  <a:lumMod val="75000"/>
                  <a:lumOff val="25000"/>
                </a:schemeClr>
              </a:solidFill>
              <a:effectLst/>
              <a:uLnTx/>
              <a:uFillTx/>
              <a:latin typeface="Arial" panose="020B0604020202020204" pitchFamily="34" charset="0"/>
              <a:cs typeface="Arial" panose="020B0604020202020204" pitchFamily="34" charset="0"/>
            </a:endParaRPr>
          </a:p>
        </p:txBody>
      </p:sp>
      <p:sp>
        <p:nvSpPr>
          <p:cNvPr id="51" name="TextBox 50">
            <a:extLst>
              <a:ext uri="{FF2B5EF4-FFF2-40B4-BE49-F238E27FC236}">
                <a16:creationId xmlns:a16="http://schemas.microsoft.com/office/drawing/2014/main" id="{DAF945E0-F1DD-3945-A35B-5A7778530A3E}"/>
              </a:ext>
            </a:extLst>
          </p:cNvPr>
          <p:cNvSpPr txBox="1"/>
          <p:nvPr/>
        </p:nvSpPr>
        <p:spPr>
          <a:xfrm>
            <a:off x="1234587" y="1606863"/>
            <a:ext cx="9717338" cy="954107"/>
          </a:xfrm>
          <a:prstGeom prst="rect">
            <a:avLst/>
          </a:prstGeom>
          <a:noFill/>
        </p:spPr>
        <p:txBody>
          <a:bodyPr wrap="square">
            <a:spAutoFit/>
          </a:bodyPr>
          <a:lstStyle/>
          <a:p>
            <a:pPr marL="342900" indent="-342900">
              <a:buAutoNum type="arabicPeriod"/>
            </a:pPr>
            <a:r>
              <a:rPr lang="en-GB" sz="2000" b="1" spc="-70" dirty="0">
                <a:solidFill>
                  <a:srgbClr val="292759"/>
                </a:solidFill>
                <a:latin typeface="Arial" panose="020B0604020202020204" pitchFamily="34" charset="0"/>
                <a:ea typeface="Lucida Sans" panose="020B0602030504020204" pitchFamily="34" charset="0"/>
              </a:rPr>
              <a:t> What do taxpayers complain about</a:t>
            </a:r>
            <a:r>
              <a:rPr lang="en-GB" sz="2000" b="1" spc="-70" dirty="0" smtClean="0">
                <a:solidFill>
                  <a:srgbClr val="292759"/>
                </a:solidFill>
                <a:latin typeface="Arial" panose="020B0604020202020204" pitchFamily="34" charset="0"/>
                <a:ea typeface="Lucida Sans" panose="020B0602030504020204" pitchFamily="34" charset="0"/>
              </a:rPr>
              <a:t>?</a:t>
            </a:r>
            <a:endParaRPr lang="en-GB" sz="3600" b="1" dirty="0">
              <a:solidFill>
                <a:srgbClr val="03A65A"/>
              </a:solidFill>
              <a:latin typeface="Arial" panose="020B0604020202020204" pitchFamily="34" charset="0"/>
              <a:ea typeface="Lucida Sans" panose="020B0602030504020204" pitchFamily="34" charset="0"/>
            </a:endParaRPr>
          </a:p>
          <a:p>
            <a:pPr lvl="1"/>
            <a:r>
              <a:rPr lang="en-GB" dirty="0">
                <a:solidFill>
                  <a:srgbClr val="292759"/>
                </a:solidFill>
                <a:latin typeface="Arial" panose="020B0604020202020204" pitchFamily="34" charset="0"/>
                <a:ea typeface="Lucida Sans" panose="020B0602030504020204" pitchFamily="34" charset="0"/>
              </a:rPr>
              <a:t>Over the last four years, an average of 76% of complaints attended to by the OTO related to </a:t>
            </a:r>
            <a:r>
              <a:rPr lang="en-GB" dirty="0" smtClean="0">
                <a:solidFill>
                  <a:srgbClr val="292759"/>
                </a:solidFill>
                <a:latin typeface="Arial" panose="020B0604020202020204" pitchFamily="34" charset="0"/>
                <a:ea typeface="Lucida Sans" panose="020B0602030504020204" pitchFamily="34" charset="0"/>
              </a:rPr>
              <a:t>Tax Refunds, Dispute Resolution and Verification, Audits and Assessments: </a:t>
            </a:r>
            <a:endParaRPr lang="en-GB" dirty="0">
              <a:solidFill>
                <a:srgbClr val="292759"/>
              </a:solidFill>
              <a:latin typeface="Arial" panose="020B0604020202020204" pitchFamily="34" charset="0"/>
              <a:ea typeface="Lucida Sans" panose="020B0602030504020204" pitchFamily="34" charset="0"/>
            </a:endParaRPr>
          </a:p>
        </p:txBody>
      </p:sp>
      <p:pic>
        <p:nvPicPr>
          <p:cNvPr id="20" name="Picture 19" descr="Calendar&#10;&#10;Description automatically generated">
            <a:extLst>
              <a:ext uri="{FF2B5EF4-FFF2-40B4-BE49-F238E27FC236}">
                <a16:creationId xmlns:a16="http://schemas.microsoft.com/office/drawing/2014/main" id="{345D932D-C1BC-0D4E-89E3-DFEA988ED919}"/>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r="-14246"/>
          <a:stretch/>
        </p:blipFill>
        <p:spPr>
          <a:xfrm>
            <a:off x="9876751" y="6252460"/>
            <a:ext cx="1234593" cy="893948"/>
          </a:xfrm>
          <a:prstGeom prst="rect">
            <a:avLst/>
          </a:prstGeom>
        </p:spPr>
      </p:pic>
      <p:sp>
        <p:nvSpPr>
          <p:cNvPr id="23" name="Rectangle 22">
            <a:extLst>
              <a:ext uri="{FF2B5EF4-FFF2-40B4-BE49-F238E27FC236}">
                <a16:creationId xmlns:a16="http://schemas.microsoft.com/office/drawing/2014/main" id="{FE22C835-3EDD-2849-B512-B3DB2A99C81A}"/>
              </a:ext>
            </a:extLst>
          </p:cNvPr>
          <p:cNvSpPr/>
          <p:nvPr/>
        </p:nvSpPr>
        <p:spPr>
          <a:xfrm>
            <a:off x="1215037" y="6310591"/>
            <a:ext cx="1080655" cy="1080655"/>
          </a:xfrm>
          <a:prstGeom prst="rect">
            <a:avLst/>
          </a:prstGeom>
          <a:solidFill>
            <a:srgbClr val="85BF4B">
              <a:alpha val="7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a:extLst>
              <a:ext uri="{FF2B5EF4-FFF2-40B4-BE49-F238E27FC236}">
                <a16:creationId xmlns:a16="http://schemas.microsoft.com/office/drawing/2014/main" id="{6A400E16-F497-684E-9D72-686801D40E6E}"/>
              </a:ext>
            </a:extLst>
          </p:cNvPr>
          <p:cNvSpPr/>
          <p:nvPr/>
        </p:nvSpPr>
        <p:spPr>
          <a:xfrm>
            <a:off x="11111345" y="5026579"/>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ectangle 24">
            <a:extLst>
              <a:ext uri="{FF2B5EF4-FFF2-40B4-BE49-F238E27FC236}">
                <a16:creationId xmlns:a16="http://schemas.microsoft.com/office/drawing/2014/main" id="{09D83900-D96F-144F-A27D-B8BEC5020711}"/>
              </a:ext>
            </a:extLst>
          </p:cNvPr>
          <p:cNvSpPr/>
          <p:nvPr/>
        </p:nvSpPr>
        <p:spPr>
          <a:xfrm>
            <a:off x="2368811" y="6256453"/>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6" name="Rectangle 25">
            <a:extLst>
              <a:ext uri="{FF2B5EF4-FFF2-40B4-BE49-F238E27FC236}">
                <a16:creationId xmlns:a16="http://schemas.microsoft.com/office/drawing/2014/main" id="{DB3A27C3-02DA-A441-8BD6-A7FDBC8C75F9}"/>
              </a:ext>
            </a:extLst>
          </p:cNvPr>
          <p:cNvSpPr/>
          <p:nvPr/>
        </p:nvSpPr>
        <p:spPr>
          <a:xfrm>
            <a:off x="9876752" y="6252461"/>
            <a:ext cx="1080655" cy="1080655"/>
          </a:xfrm>
          <a:prstGeom prst="rect">
            <a:avLst/>
          </a:prstGeom>
          <a:solidFill>
            <a:srgbClr val="D3D936">
              <a:alpha val="7531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ectangle 26">
            <a:extLst>
              <a:ext uri="{FF2B5EF4-FFF2-40B4-BE49-F238E27FC236}">
                <a16:creationId xmlns:a16="http://schemas.microsoft.com/office/drawing/2014/main" id="{04C99690-30E1-4A48-A1AF-A8665F8D1B09}"/>
              </a:ext>
            </a:extLst>
          </p:cNvPr>
          <p:cNvSpPr/>
          <p:nvPr/>
        </p:nvSpPr>
        <p:spPr>
          <a:xfrm>
            <a:off x="11111345"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a:extLst>
              <a:ext uri="{FF2B5EF4-FFF2-40B4-BE49-F238E27FC236}">
                <a16:creationId xmlns:a16="http://schemas.microsoft.com/office/drawing/2014/main" id="{2EEDA1F7-5FB7-1449-B8B4-B231DEC68FA3}"/>
              </a:ext>
            </a:extLst>
          </p:cNvPr>
          <p:cNvSpPr/>
          <p:nvPr/>
        </p:nvSpPr>
        <p:spPr>
          <a:xfrm>
            <a:off x="3660665" y="6252457"/>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3" name="Rectangle 32">
            <a:extLst>
              <a:ext uri="{FF2B5EF4-FFF2-40B4-BE49-F238E27FC236}">
                <a16:creationId xmlns:a16="http://schemas.microsoft.com/office/drawing/2014/main" id="{5F05CB28-8AEC-BD44-940B-804D4EB47ACF}"/>
              </a:ext>
            </a:extLst>
          </p:cNvPr>
          <p:cNvSpPr/>
          <p:nvPr/>
        </p:nvSpPr>
        <p:spPr>
          <a:xfrm>
            <a:off x="6172971" y="6256453"/>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5" name="Rectangle 34">
            <a:extLst>
              <a:ext uri="{FF2B5EF4-FFF2-40B4-BE49-F238E27FC236}">
                <a16:creationId xmlns:a16="http://schemas.microsoft.com/office/drawing/2014/main" id="{655BA2A2-4724-DA49-9C9A-5E377EB902AD}"/>
              </a:ext>
            </a:extLst>
          </p:cNvPr>
          <p:cNvSpPr/>
          <p:nvPr/>
        </p:nvSpPr>
        <p:spPr>
          <a:xfrm>
            <a:off x="4930674" y="6256453"/>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pic>
        <p:nvPicPr>
          <p:cNvPr id="41" name="Picture 40" descr="A gavel on a table&#10;&#10;Description automatically generated with medium confidence">
            <a:extLst>
              <a:ext uri="{FF2B5EF4-FFF2-40B4-BE49-F238E27FC236}">
                <a16:creationId xmlns:a16="http://schemas.microsoft.com/office/drawing/2014/main" id="{3E06CC8D-80EC-F641-A79E-B8F9ECB8C646}"/>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7399864" y="6252459"/>
            <a:ext cx="2322946" cy="1080655"/>
          </a:xfrm>
          <a:prstGeom prst="rect">
            <a:avLst/>
          </a:prstGeom>
        </p:spPr>
      </p:pic>
      <p:sp>
        <p:nvSpPr>
          <p:cNvPr id="43" name="Rectangle 42">
            <a:extLst>
              <a:ext uri="{FF2B5EF4-FFF2-40B4-BE49-F238E27FC236}">
                <a16:creationId xmlns:a16="http://schemas.microsoft.com/office/drawing/2014/main" id="{83604BF0-DE26-054E-8EF3-E20A1CCE3642}"/>
              </a:ext>
            </a:extLst>
          </p:cNvPr>
          <p:cNvSpPr/>
          <p:nvPr/>
        </p:nvSpPr>
        <p:spPr>
          <a:xfrm>
            <a:off x="7399861" y="6252458"/>
            <a:ext cx="2315249" cy="1080655"/>
          </a:xfrm>
          <a:prstGeom prst="rect">
            <a:avLst/>
          </a:prstGeom>
          <a:solidFill>
            <a:srgbClr val="36ABD9">
              <a:alpha val="74851"/>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 name="Picture 1"/>
          <p:cNvPicPr>
            <a:picLocks noChangeAspect="1"/>
          </p:cNvPicPr>
          <p:nvPr/>
        </p:nvPicPr>
        <p:blipFill>
          <a:blip r:embed="rId4"/>
          <a:stretch>
            <a:fillRect/>
          </a:stretch>
        </p:blipFill>
        <p:spPr>
          <a:xfrm>
            <a:off x="2059388" y="2524232"/>
            <a:ext cx="8229599" cy="3732221"/>
          </a:xfrm>
          <a:prstGeom prst="rect">
            <a:avLst/>
          </a:prstGeom>
        </p:spPr>
      </p:pic>
      <p:sp>
        <p:nvSpPr>
          <p:cNvPr id="3" name="Slide Number Placeholder 2"/>
          <p:cNvSpPr>
            <a:spLocks noGrp="1"/>
          </p:cNvSpPr>
          <p:nvPr>
            <p:ph type="sldNum" sz="quarter" idx="12"/>
          </p:nvPr>
        </p:nvSpPr>
        <p:spPr/>
        <p:txBody>
          <a:bodyPr/>
          <a:lstStyle/>
          <a:p>
            <a:fld id="{BCCA197E-0889-4A4B-9EF4-38D9D114EE3E}" type="slidenum">
              <a:rPr lang="en-US" smtClean="0"/>
              <a:t>4</a:t>
            </a:fld>
            <a:endParaRPr lang="en-US"/>
          </a:p>
        </p:txBody>
      </p:sp>
    </p:spTree>
    <p:extLst>
      <p:ext uri="{BB962C8B-B14F-4D97-AF65-F5344CB8AC3E}">
        <p14:creationId xmlns:p14="http://schemas.microsoft.com/office/powerpoint/2010/main" val="394580294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5" y="5048472"/>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8" name="TextBox 27">
            <a:extLst>
              <a:ext uri="{FF2B5EF4-FFF2-40B4-BE49-F238E27FC236}">
                <a16:creationId xmlns:a16="http://schemas.microsoft.com/office/drawing/2014/main" id="{613161A9-F621-474F-92AA-4B5AB5F0FAE3}"/>
              </a:ext>
            </a:extLst>
          </p:cNvPr>
          <p:cNvSpPr txBox="1"/>
          <p:nvPr/>
        </p:nvSpPr>
        <p:spPr>
          <a:xfrm>
            <a:off x="1311550" y="697381"/>
            <a:ext cx="9722819" cy="707886"/>
          </a:xfrm>
          <a:prstGeom prst="rect">
            <a:avLst/>
          </a:prstGeom>
          <a:noFill/>
        </p:spPr>
        <p:txBody>
          <a:bodyPr wrap="square" lIns="0" tIns="0" rIns="0" bIns="0" rtlCol="0" anchor="b">
            <a:spAutoFit/>
          </a:bodyPr>
          <a:lstStyle/>
          <a:p>
            <a:r>
              <a:rPr lang="en-GB" sz="2800" b="1" spc="-70" dirty="0">
                <a:solidFill>
                  <a:srgbClr val="292759"/>
                </a:solidFill>
                <a:latin typeface="Arial" panose="020B0604020202020204" pitchFamily="34" charset="0"/>
                <a:ea typeface="Lucida Sans" panose="020B0602030504020204" pitchFamily="34" charset="0"/>
              </a:rPr>
              <a:t>2. Systemic Issues Identified and referred to SARS</a:t>
            </a:r>
          </a:p>
          <a:p>
            <a:endParaRPr lang="en-US" sz="1800" b="0" i="0" u="none" strike="noStrike" baseline="0" dirty="0">
              <a:solidFill>
                <a:srgbClr val="000000"/>
              </a:solidFill>
              <a:latin typeface="Arial" panose="020B0604020202020204" pitchFamily="34" charset="0"/>
            </a:endParaRPr>
          </a:p>
        </p:txBody>
      </p:sp>
      <p:grpSp>
        <p:nvGrpSpPr>
          <p:cNvPr id="2" name="Group 1">
            <a:extLst>
              <a:ext uri="{FF2B5EF4-FFF2-40B4-BE49-F238E27FC236}">
                <a16:creationId xmlns:a16="http://schemas.microsoft.com/office/drawing/2014/main" id="{B6DC3846-65BB-CF45-A62C-82D390CBDBF0}"/>
              </a:ext>
            </a:extLst>
          </p:cNvPr>
          <p:cNvGrpSpPr/>
          <p:nvPr/>
        </p:nvGrpSpPr>
        <p:grpSpPr>
          <a:xfrm>
            <a:off x="-5" y="6307392"/>
            <a:ext cx="12192005" cy="1101029"/>
            <a:chOff x="-5" y="6307392"/>
            <a:chExt cx="12192005" cy="1101029"/>
          </a:xfrm>
        </p:grpSpPr>
        <p:sp>
          <p:nvSpPr>
            <p:cNvPr id="104" name="Rectangle 103">
              <a:extLst>
                <a:ext uri="{FF2B5EF4-FFF2-40B4-BE49-F238E27FC236}">
                  <a16:creationId xmlns:a16="http://schemas.microsoft.com/office/drawing/2014/main" id="{5BBFC541-7B80-F84F-B183-93E4EA0D3C5F}"/>
                </a:ext>
              </a:extLst>
            </p:cNvPr>
            <p:cNvSpPr/>
            <p:nvPr/>
          </p:nvSpPr>
          <p:spPr>
            <a:xfrm>
              <a:off x="-5" y="6310592"/>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0" name="Picture 19" descr="Calendar&#10;&#10;Description automatically generated">
              <a:extLst>
                <a:ext uri="{FF2B5EF4-FFF2-40B4-BE49-F238E27FC236}">
                  <a16:creationId xmlns:a16="http://schemas.microsoft.com/office/drawing/2014/main" id="{345D932D-C1BC-0D4E-89E3-DFEA988ED919}"/>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r="-14246"/>
            <a:stretch/>
          </p:blipFill>
          <p:spPr>
            <a:xfrm>
              <a:off x="9876751" y="6317008"/>
              <a:ext cx="1234593" cy="893948"/>
            </a:xfrm>
            <a:prstGeom prst="rect">
              <a:avLst/>
            </a:prstGeom>
          </p:spPr>
        </p:pic>
        <p:sp>
          <p:nvSpPr>
            <p:cNvPr id="22" name="Rectangle 21">
              <a:extLst>
                <a:ext uri="{FF2B5EF4-FFF2-40B4-BE49-F238E27FC236}">
                  <a16:creationId xmlns:a16="http://schemas.microsoft.com/office/drawing/2014/main" id="{CC2199CB-1683-B640-B250-9FE935356CAD}"/>
                </a:ext>
              </a:extLst>
            </p:cNvPr>
            <p:cNvSpPr/>
            <p:nvPr/>
          </p:nvSpPr>
          <p:spPr>
            <a:xfrm>
              <a:off x="7407550" y="6307392"/>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a:extLst>
                <a:ext uri="{FF2B5EF4-FFF2-40B4-BE49-F238E27FC236}">
                  <a16:creationId xmlns:a16="http://schemas.microsoft.com/office/drawing/2014/main" id="{6A400E16-F497-684E-9D72-686801D40E6E}"/>
                </a:ext>
              </a:extLst>
            </p:cNvPr>
            <p:cNvSpPr/>
            <p:nvPr/>
          </p:nvSpPr>
          <p:spPr>
            <a:xfrm>
              <a:off x="6172960" y="6315571"/>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5" name="Rectangle 24">
              <a:extLst>
                <a:ext uri="{FF2B5EF4-FFF2-40B4-BE49-F238E27FC236}">
                  <a16:creationId xmlns:a16="http://schemas.microsoft.com/office/drawing/2014/main" id="{09D83900-D96F-144F-A27D-B8BEC5020711}"/>
                </a:ext>
              </a:extLst>
            </p:cNvPr>
            <p:cNvSpPr/>
            <p:nvPr/>
          </p:nvSpPr>
          <p:spPr>
            <a:xfrm>
              <a:off x="8642140" y="6317672"/>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6" name="Rectangle 25">
              <a:extLst>
                <a:ext uri="{FF2B5EF4-FFF2-40B4-BE49-F238E27FC236}">
                  <a16:creationId xmlns:a16="http://schemas.microsoft.com/office/drawing/2014/main" id="{DB3A27C3-02DA-A441-8BD6-A7FDBC8C75F9}"/>
                </a:ext>
              </a:extLst>
            </p:cNvPr>
            <p:cNvSpPr/>
            <p:nvPr/>
          </p:nvSpPr>
          <p:spPr>
            <a:xfrm>
              <a:off x="9876730" y="6317672"/>
              <a:ext cx="1080655" cy="1080655"/>
            </a:xfrm>
            <a:prstGeom prst="rect">
              <a:avLst/>
            </a:prstGeom>
            <a:solidFill>
              <a:srgbClr val="D3D936">
                <a:alpha val="7531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ectangle 26">
              <a:extLst>
                <a:ext uri="{FF2B5EF4-FFF2-40B4-BE49-F238E27FC236}">
                  <a16:creationId xmlns:a16="http://schemas.microsoft.com/office/drawing/2014/main" id="{04C99690-30E1-4A48-A1AF-A8665F8D1B09}"/>
                </a:ext>
              </a:extLst>
            </p:cNvPr>
            <p:cNvSpPr/>
            <p:nvPr/>
          </p:nvSpPr>
          <p:spPr>
            <a:xfrm>
              <a:off x="11111345" y="6327766"/>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8" name="Rectangle 37">
              <a:extLst>
                <a:ext uri="{FF2B5EF4-FFF2-40B4-BE49-F238E27FC236}">
                  <a16:creationId xmlns:a16="http://schemas.microsoft.com/office/drawing/2014/main" id="{6DC5488F-100C-294D-BC92-AAE40C5B4062}"/>
                </a:ext>
              </a:extLst>
            </p:cNvPr>
            <p:cNvSpPr/>
            <p:nvPr/>
          </p:nvSpPr>
          <p:spPr>
            <a:xfrm>
              <a:off x="4938365" y="6307393"/>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9" name="Rectangle 38">
              <a:extLst>
                <a:ext uri="{FF2B5EF4-FFF2-40B4-BE49-F238E27FC236}">
                  <a16:creationId xmlns:a16="http://schemas.microsoft.com/office/drawing/2014/main" id="{273AADD7-395A-1848-916F-11650BF9723E}"/>
                </a:ext>
              </a:extLst>
            </p:cNvPr>
            <p:cNvSpPr/>
            <p:nvPr/>
          </p:nvSpPr>
          <p:spPr>
            <a:xfrm>
              <a:off x="3703775" y="6317672"/>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0" name="Rectangle 39">
              <a:extLst>
                <a:ext uri="{FF2B5EF4-FFF2-40B4-BE49-F238E27FC236}">
                  <a16:creationId xmlns:a16="http://schemas.microsoft.com/office/drawing/2014/main" id="{A685CFDF-AB5D-4549-B631-9F5B15F040B3}"/>
                </a:ext>
              </a:extLst>
            </p:cNvPr>
            <p:cNvSpPr/>
            <p:nvPr/>
          </p:nvSpPr>
          <p:spPr>
            <a:xfrm>
              <a:off x="2469180" y="6307394"/>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1" name="Rectangle 40">
              <a:extLst>
                <a:ext uri="{FF2B5EF4-FFF2-40B4-BE49-F238E27FC236}">
                  <a16:creationId xmlns:a16="http://schemas.microsoft.com/office/drawing/2014/main" id="{0BD06BC9-20A5-384C-A43A-2B1F4E2CAE19}"/>
                </a:ext>
              </a:extLst>
            </p:cNvPr>
            <p:cNvSpPr/>
            <p:nvPr/>
          </p:nvSpPr>
          <p:spPr>
            <a:xfrm>
              <a:off x="1234590" y="6307395"/>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21" name="TextBox 20">
            <a:extLst>
              <a:ext uri="{FF2B5EF4-FFF2-40B4-BE49-F238E27FC236}">
                <a16:creationId xmlns:a16="http://schemas.microsoft.com/office/drawing/2014/main" id="{914F2EC5-0DE4-4951-8BA2-B11AE18693A3}"/>
              </a:ext>
            </a:extLst>
          </p:cNvPr>
          <p:cNvSpPr txBox="1"/>
          <p:nvPr/>
        </p:nvSpPr>
        <p:spPr>
          <a:xfrm>
            <a:off x="1239997" y="1439744"/>
            <a:ext cx="10178076" cy="4524315"/>
          </a:xfrm>
          <a:prstGeom prst="rect">
            <a:avLst/>
          </a:prstGeom>
          <a:noFill/>
        </p:spPr>
        <p:txBody>
          <a:bodyPr wrap="square">
            <a:spAutoFit/>
          </a:bodyPr>
          <a:lstStyle/>
          <a:p>
            <a:pPr marL="342900" marR="0" lvl="0" indent="-342900" algn="just" fontAlgn="auto">
              <a:spcBef>
                <a:spcPts val="0"/>
              </a:spcBef>
              <a:spcAft>
                <a:spcPts val="0"/>
              </a:spcAft>
              <a:buClrTx/>
              <a:buSzTx/>
              <a:buFontTx/>
              <a:buAutoNum type="arabicPeriod"/>
              <a:tabLst/>
              <a:defRPr/>
            </a:pPr>
            <a:r>
              <a:rPr lang="en-US" dirty="0">
                <a:solidFill>
                  <a:srgbClr val="000000"/>
                </a:solidFill>
              </a:rPr>
              <a:t>Delay in Payment of Refunds – </a:t>
            </a:r>
            <a:r>
              <a:rPr lang="en-US" b="1" dirty="0">
                <a:solidFill>
                  <a:srgbClr val="000000"/>
                </a:solidFill>
              </a:rPr>
              <a:t>102 months</a:t>
            </a:r>
            <a:r>
              <a:rPr lang="en-US" b="1" dirty="0" smtClean="0">
                <a:solidFill>
                  <a:srgbClr val="000000"/>
                </a:solidFill>
              </a:rPr>
              <a:t>.</a:t>
            </a:r>
            <a:endParaRPr lang="en-US" b="1" dirty="0">
              <a:solidFill>
                <a:srgbClr val="000000"/>
              </a:solidFill>
            </a:endParaRPr>
          </a:p>
          <a:p>
            <a:pPr marL="342900" marR="0" lvl="0" indent="-342900" algn="just" fontAlgn="auto">
              <a:spcBef>
                <a:spcPts val="0"/>
              </a:spcBef>
              <a:spcAft>
                <a:spcPts val="0"/>
              </a:spcAft>
              <a:buClrTx/>
              <a:buSzTx/>
              <a:buFontTx/>
              <a:buAutoNum type="arabicPeriod"/>
              <a:tabLst/>
              <a:defRPr/>
            </a:pPr>
            <a:r>
              <a:rPr lang="en-US" dirty="0">
                <a:solidFill>
                  <a:srgbClr val="000000"/>
                </a:solidFill>
              </a:rPr>
              <a:t>SARS’s non-adherence to the prescribed Dispute Resolution Procedure – </a:t>
            </a:r>
            <a:r>
              <a:rPr lang="en-US" b="1" dirty="0">
                <a:solidFill>
                  <a:srgbClr val="000000"/>
                </a:solidFill>
              </a:rPr>
              <a:t>24 months</a:t>
            </a:r>
            <a:r>
              <a:rPr lang="en-US" i="1" dirty="0">
                <a:solidFill>
                  <a:schemeClr val="tx1">
                    <a:lumMod val="75000"/>
                    <a:lumOff val="25000"/>
                  </a:schemeClr>
                </a:solidFill>
                <a:cs typeface="Arial" panose="020B0604020202020204" pitchFamily="34" charset="0"/>
              </a:rPr>
              <a:t>.</a:t>
            </a:r>
          </a:p>
          <a:p>
            <a:pPr marL="342900" marR="0" lvl="0" indent="-342900" algn="just" defTabSz="914400" rtl="0" eaLnBrk="1" fontAlgn="auto" latinLnBrk="0" hangingPunct="1">
              <a:spcBef>
                <a:spcPts val="0"/>
              </a:spcBef>
              <a:spcAft>
                <a:spcPts val="0"/>
              </a:spcAft>
              <a:buClrTx/>
              <a:buSzTx/>
              <a:buFontTx/>
              <a:buAutoNum type="arabicPeriod"/>
              <a:tabLst/>
              <a:defRPr/>
            </a:pPr>
            <a:r>
              <a:rPr lang="en-US" sz="1800" b="0" i="0" u="none" strike="noStrike" baseline="0" dirty="0">
                <a:solidFill>
                  <a:srgbClr val="000000"/>
                </a:solidFill>
              </a:rPr>
              <a:t>Inability on the part of SARS to confirm correspondence was sent – </a:t>
            </a:r>
            <a:r>
              <a:rPr lang="en-US" sz="1800" b="1" i="0" u="none" strike="noStrike" baseline="0" dirty="0">
                <a:solidFill>
                  <a:srgbClr val="000000"/>
                </a:solidFill>
              </a:rPr>
              <a:t>68 months.</a:t>
            </a:r>
          </a:p>
          <a:p>
            <a:pPr marL="342900" indent="-342900" algn="just">
              <a:buFontTx/>
              <a:buAutoNum type="arabicPeriod"/>
              <a:defRPr/>
            </a:pPr>
            <a:r>
              <a:rPr lang="en-GB" sz="1800" b="0" i="0" u="none" strike="noStrike" baseline="0" dirty="0">
                <a:solidFill>
                  <a:srgbClr val="000000"/>
                </a:solidFill>
              </a:rPr>
              <a:t>Specific challenges relating to the Tax Compliance System – </a:t>
            </a:r>
            <a:r>
              <a:rPr lang="en-GB" sz="1800" b="1" i="0" u="none" strike="noStrike" baseline="0" dirty="0">
                <a:solidFill>
                  <a:srgbClr val="000000"/>
                </a:solidFill>
              </a:rPr>
              <a:t>52 months</a:t>
            </a:r>
            <a:r>
              <a:rPr lang="en-GB" sz="1800" b="0" i="0" u="none" strike="noStrike" baseline="0" dirty="0">
                <a:solidFill>
                  <a:srgbClr val="000000"/>
                </a:solidFill>
              </a:rPr>
              <a:t>.</a:t>
            </a:r>
          </a:p>
          <a:p>
            <a:pPr marL="342900" indent="-342900" algn="just">
              <a:buFontTx/>
              <a:buAutoNum type="arabicPeriod"/>
              <a:defRPr/>
            </a:pPr>
            <a:r>
              <a:rPr lang="en-GB" sz="1800" b="0" i="0" u="none" strike="noStrike" baseline="0" dirty="0">
                <a:solidFill>
                  <a:srgbClr val="000000"/>
                </a:solidFill>
              </a:rPr>
              <a:t>Raising assessments prematurely</a:t>
            </a:r>
            <a:r>
              <a:rPr lang="en-GB" dirty="0">
                <a:solidFill>
                  <a:srgbClr val="000000"/>
                </a:solidFill>
              </a:rPr>
              <a:t> – </a:t>
            </a:r>
            <a:r>
              <a:rPr lang="en-GB" b="1" dirty="0">
                <a:solidFill>
                  <a:srgbClr val="000000"/>
                </a:solidFill>
              </a:rPr>
              <a:t>49 months. </a:t>
            </a:r>
            <a:endParaRPr lang="en-GB" sz="1800" b="1" i="0" u="none" strike="noStrike" baseline="0" dirty="0">
              <a:solidFill>
                <a:srgbClr val="000000"/>
              </a:solidFill>
            </a:endParaRPr>
          </a:p>
          <a:p>
            <a:pPr marL="342900" indent="-342900" algn="just">
              <a:buFontTx/>
              <a:buAutoNum type="arabicPeriod"/>
              <a:defRPr/>
            </a:pPr>
            <a:r>
              <a:rPr lang="en-US" sz="1800" b="0" i="0" u="none" strike="noStrike" baseline="0" dirty="0">
                <a:solidFill>
                  <a:srgbClr val="000000"/>
                </a:solidFill>
              </a:rPr>
              <a:t>Failure to respond to the request for a </a:t>
            </a:r>
            <a:r>
              <a:rPr lang="en-US" sz="1800" i="0" u="none" strike="noStrike" baseline="0" dirty="0">
                <a:solidFill>
                  <a:srgbClr val="000000"/>
                </a:solidFill>
              </a:rPr>
              <a:t>deferred payment arrangement within the undertaken </a:t>
            </a:r>
            <a:r>
              <a:rPr lang="en-US" dirty="0">
                <a:solidFill>
                  <a:srgbClr val="000000"/>
                </a:solidFill>
              </a:rPr>
              <a:t>turnaround</a:t>
            </a:r>
            <a:r>
              <a:rPr lang="en-US" sz="1800" i="0" u="none" strike="noStrike" baseline="0" dirty="0">
                <a:solidFill>
                  <a:srgbClr val="000000"/>
                </a:solidFill>
              </a:rPr>
              <a:t> times – </a:t>
            </a:r>
            <a:r>
              <a:rPr lang="en-US" sz="1800" b="1" i="0" u="none" strike="noStrike" baseline="0" dirty="0">
                <a:solidFill>
                  <a:srgbClr val="000000"/>
                </a:solidFill>
              </a:rPr>
              <a:t>45 months.</a:t>
            </a:r>
          </a:p>
          <a:p>
            <a:pPr marL="342900" indent="-342900" algn="just">
              <a:buFontTx/>
              <a:buAutoNum type="arabicPeriod"/>
              <a:defRPr/>
            </a:pPr>
            <a:r>
              <a:rPr lang="en-US" sz="1800" i="0" u="none" strike="noStrike" baseline="0" dirty="0">
                <a:solidFill>
                  <a:srgbClr val="000000"/>
                </a:solidFill>
              </a:rPr>
              <a:t>Failure to respond to offers of compromise within the undertaken turnaround times – </a:t>
            </a:r>
            <a:r>
              <a:rPr lang="en-US" sz="1800" b="1" i="0" u="none" strike="noStrike" baseline="0" dirty="0">
                <a:solidFill>
                  <a:srgbClr val="000000"/>
                </a:solidFill>
              </a:rPr>
              <a:t>45 months.</a:t>
            </a:r>
          </a:p>
          <a:p>
            <a:pPr marL="342900" indent="-342900" algn="just">
              <a:buFontTx/>
              <a:buAutoNum type="arabicPeriod"/>
              <a:defRPr/>
            </a:pPr>
            <a:r>
              <a:rPr lang="en-US" sz="1800" i="0" u="none" strike="noStrike" baseline="0" dirty="0">
                <a:solidFill>
                  <a:srgbClr val="000000"/>
                </a:solidFill>
              </a:rPr>
              <a:t>Failure to respond to requests for suspension of debt </a:t>
            </a:r>
            <a:r>
              <a:rPr lang="en-US" sz="1800" b="0" i="0" u="none" strike="noStrike" baseline="0" dirty="0">
                <a:solidFill>
                  <a:srgbClr val="000000"/>
                </a:solidFill>
              </a:rPr>
              <a:t>within the undertaken turnaround times – </a:t>
            </a:r>
            <a:r>
              <a:rPr lang="en-US" sz="1800" b="1" i="0" u="none" strike="noStrike" baseline="0" dirty="0" smtClean="0">
                <a:solidFill>
                  <a:srgbClr val="000000"/>
                </a:solidFill>
              </a:rPr>
              <a:t>45 </a:t>
            </a:r>
            <a:r>
              <a:rPr lang="en-US" sz="1800" b="1" i="0" u="none" strike="noStrike" baseline="0" dirty="0">
                <a:solidFill>
                  <a:srgbClr val="000000"/>
                </a:solidFill>
              </a:rPr>
              <a:t>months</a:t>
            </a:r>
            <a:r>
              <a:rPr lang="en-US" sz="1800" b="0" i="0" u="none" strike="noStrike" baseline="0" dirty="0">
                <a:solidFill>
                  <a:srgbClr val="000000"/>
                </a:solidFill>
              </a:rPr>
              <a:t>.</a:t>
            </a:r>
          </a:p>
          <a:p>
            <a:pPr marL="342900" indent="-342900" algn="just">
              <a:buFontTx/>
              <a:buAutoNum type="arabicPeriod"/>
              <a:defRPr/>
            </a:pPr>
            <a:r>
              <a:rPr lang="en-US" dirty="0">
                <a:solidFill>
                  <a:srgbClr val="000000"/>
                </a:solidFill>
              </a:rPr>
              <a:t>D</a:t>
            </a:r>
            <a:r>
              <a:rPr lang="en-US" sz="1800" b="0" i="0" u="none" strike="noStrike" baseline="0" dirty="0">
                <a:solidFill>
                  <a:srgbClr val="000000"/>
                </a:solidFill>
              </a:rPr>
              <a:t>elays in updating contact details of executors of deceased estates rendering them unable to complain</a:t>
            </a:r>
            <a:r>
              <a:rPr lang="en-US" dirty="0">
                <a:solidFill>
                  <a:srgbClr val="000000"/>
                </a:solidFill>
              </a:rPr>
              <a:t> - </a:t>
            </a:r>
            <a:r>
              <a:rPr lang="en-US" b="1" dirty="0">
                <a:solidFill>
                  <a:srgbClr val="000000"/>
                </a:solidFill>
              </a:rPr>
              <a:t>3 months</a:t>
            </a:r>
            <a:r>
              <a:rPr lang="en-US" dirty="0">
                <a:solidFill>
                  <a:srgbClr val="000000"/>
                </a:solidFill>
              </a:rPr>
              <a:t>.</a:t>
            </a:r>
            <a:endParaRPr lang="en-US" sz="1800" b="0" i="0" u="none" strike="noStrike" baseline="0" dirty="0">
              <a:solidFill>
                <a:srgbClr val="000000"/>
              </a:solidFill>
            </a:endParaRPr>
          </a:p>
          <a:p>
            <a:pPr marL="342900" indent="-342900" algn="just">
              <a:buFontTx/>
              <a:buAutoNum type="arabicPeriod"/>
              <a:defRPr/>
            </a:pPr>
            <a:r>
              <a:rPr lang="en-GB" sz="1800" b="0" i="0" u="none" strike="noStrike" baseline="0" dirty="0">
                <a:solidFill>
                  <a:srgbClr val="000000"/>
                </a:solidFill>
              </a:rPr>
              <a:t>SARS repetitively conducting verifications on the same taxpayers, periods and risks</a:t>
            </a:r>
            <a:r>
              <a:rPr lang="en-GB" dirty="0">
                <a:solidFill>
                  <a:srgbClr val="000000"/>
                </a:solidFill>
              </a:rPr>
              <a:t> – </a:t>
            </a:r>
            <a:r>
              <a:rPr lang="en-GB" b="1" dirty="0">
                <a:solidFill>
                  <a:srgbClr val="000000"/>
                </a:solidFill>
              </a:rPr>
              <a:t>1 month. </a:t>
            </a:r>
            <a:endParaRPr lang="en-GB" sz="1800" b="1" i="0" u="none" strike="noStrike" baseline="0" dirty="0">
              <a:solidFill>
                <a:srgbClr val="000000"/>
              </a:solidFill>
            </a:endParaRPr>
          </a:p>
          <a:p>
            <a:pPr>
              <a:defRPr/>
            </a:pPr>
            <a:endParaRPr lang="en-US" sz="1800" b="0" i="0" u="none" strike="noStrike" baseline="0" dirty="0">
              <a:solidFill>
                <a:srgbClr val="000000"/>
              </a:solidFill>
              <a:latin typeface="Arial" panose="020B0604020202020204" pitchFamily="34" charset="0"/>
            </a:endParaRPr>
          </a:p>
          <a:p>
            <a:pPr>
              <a:defRPr/>
            </a:pPr>
            <a:endParaRPr lang="en-GB" sz="1800" b="0" i="0" u="none" strike="noStrike" baseline="0" dirty="0">
              <a:solidFill>
                <a:srgbClr val="000000"/>
              </a:solidFill>
              <a:latin typeface="Arial" panose="020B0604020202020204" pitchFamily="34" charset="0"/>
            </a:endParaRPr>
          </a:p>
          <a:p>
            <a:pPr marL="342900" marR="0" lvl="0" indent="-342900" algn="l" defTabSz="914400" rtl="0" eaLnBrk="1" fontAlgn="auto" latinLnBrk="0" hangingPunct="1">
              <a:lnSpc>
                <a:spcPct val="100000"/>
              </a:lnSpc>
              <a:spcBef>
                <a:spcPts val="0"/>
              </a:spcBef>
              <a:spcAft>
                <a:spcPts val="0"/>
              </a:spcAft>
              <a:buClrTx/>
              <a:buSzTx/>
              <a:buFontTx/>
              <a:buAutoNum type="arabicPeriod"/>
              <a:tabLst/>
              <a:defRPr/>
            </a:pPr>
            <a:endParaRPr lang="en-US" sz="1800" b="0" i="0" u="none" strike="noStrike" baseline="0" dirty="0">
              <a:solidFill>
                <a:srgbClr val="000000"/>
              </a:solidFill>
              <a:latin typeface="Arial" panose="020B0604020202020204" pitchFamily="34" charset="0"/>
            </a:endParaRPr>
          </a:p>
        </p:txBody>
      </p:sp>
      <p:sp>
        <p:nvSpPr>
          <p:cNvPr id="3" name="Slide Number Placeholder 2"/>
          <p:cNvSpPr>
            <a:spLocks noGrp="1"/>
          </p:cNvSpPr>
          <p:nvPr>
            <p:ph type="sldNum" sz="quarter" idx="12"/>
          </p:nvPr>
        </p:nvSpPr>
        <p:spPr/>
        <p:txBody>
          <a:bodyPr/>
          <a:lstStyle/>
          <a:p>
            <a:fld id="{BCCA197E-0889-4A4B-9EF4-38D9D114EE3E}" type="slidenum">
              <a:rPr lang="en-US" smtClean="0"/>
              <a:t>5</a:t>
            </a:fld>
            <a:endParaRPr lang="en-US"/>
          </a:p>
        </p:txBody>
      </p:sp>
    </p:spTree>
    <p:extLst>
      <p:ext uri="{BB962C8B-B14F-4D97-AF65-F5344CB8AC3E}">
        <p14:creationId xmlns:p14="http://schemas.microsoft.com/office/powerpoint/2010/main" val="19689590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5" y="5048472"/>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310592"/>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TextBox 27">
            <a:extLst>
              <a:ext uri="{FF2B5EF4-FFF2-40B4-BE49-F238E27FC236}">
                <a16:creationId xmlns:a16="http://schemas.microsoft.com/office/drawing/2014/main" id="{613161A9-F621-474F-92AA-4B5AB5F0FAE3}"/>
              </a:ext>
            </a:extLst>
          </p:cNvPr>
          <p:cNvSpPr txBox="1"/>
          <p:nvPr/>
        </p:nvSpPr>
        <p:spPr>
          <a:xfrm>
            <a:off x="1171412" y="500786"/>
            <a:ext cx="9722818" cy="1015663"/>
          </a:xfrm>
          <a:prstGeom prst="rect">
            <a:avLst/>
          </a:prstGeom>
          <a:noFill/>
        </p:spPr>
        <p:txBody>
          <a:bodyPr wrap="square" lIns="0" tIns="0" rIns="0" bIns="0" rtlCol="0" anchor="b">
            <a:spAutoFit/>
          </a:bodyPr>
          <a:lstStyle/>
          <a:p>
            <a:pPr marL="720000" indent="-1080000"/>
            <a:r>
              <a:rPr lang="en-GB" sz="2400" b="1" spc="-70" dirty="0">
                <a:solidFill>
                  <a:srgbClr val="292759"/>
                </a:solidFill>
                <a:latin typeface="Arial" panose="020B0604020202020204" pitchFamily="34" charset="0"/>
                <a:ea typeface="Lucida Sans" panose="020B0602030504020204" pitchFamily="34" charset="0"/>
              </a:rPr>
              <a:t>3. The OTO’s </a:t>
            </a:r>
            <a:r>
              <a:rPr lang="en-GB" sz="2400" b="1" spc="-70" dirty="0" smtClean="0">
                <a:solidFill>
                  <a:srgbClr val="292759"/>
                </a:solidFill>
                <a:latin typeface="Arial" panose="020B0604020202020204" pitchFamily="34" charset="0"/>
                <a:ea typeface="Lucida Sans" panose="020B0602030504020204" pitchFamily="34" charset="0"/>
              </a:rPr>
              <a:t>response to </a:t>
            </a:r>
            <a:r>
              <a:rPr lang="en-GB" sz="2400" b="1" spc="-70" dirty="0">
                <a:solidFill>
                  <a:srgbClr val="292759"/>
                </a:solidFill>
                <a:latin typeface="Arial" panose="020B0604020202020204" pitchFamily="34" charset="0"/>
                <a:ea typeface="Lucida Sans" panose="020B0602030504020204" pitchFamily="34" charset="0"/>
              </a:rPr>
              <a:t>the specific issues as per the Committee’s request. </a:t>
            </a:r>
            <a:endParaRPr lang="en-ZA" sz="2400" dirty="0">
              <a:solidFill>
                <a:srgbClr val="292759"/>
              </a:solidFill>
              <a:latin typeface="Arial" panose="020B0604020202020204" pitchFamily="34" charset="0"/>
              <a:cs typeface="Arial" panose="020B0604020202020204" pitchFamily="34" charset="0"/>
            </a:endParaRPr>
          </a:p>
          <a:p>
            <a:endParaRPr lang="en-US" sz="1800" b="0" i="0" u="none" strike="noStrike" baseline="0" dirty="0">
              <a:solidFill>
                <a:srgbClr val="000000"/>
              </a:solidFill>
              <a:latin typeface="Arial" panose="020B0604020202020204" pitchFamily="34" charset="0"/>
            </a:endParaRPr>
          </a:p>
        </p:txBody>
      </p:sp>
      <p:grpSp>
        <p:nvGrpSpPr>
          <p:cNvPr id="18" name="Group 17">
            <a:extLst>
              <a:ext uri="{FF2B5EF4-FFF2-40B4-BE49-F238E27FC236}">
                <a16:creationId xmlns:a16="http://schemas.microsoft.com/office/drawing/2014/main" id="{18CD1DF4-C277-194C-8B58-257AFEBB6797}"/>
              </a:ext>
            </a:extLst>
          </p:cNvPr>
          <p:cNvGrpSpPr/>
          <p:nvPr/>
        </p:nvGrpSpPr>
        <p:grpSpPr>
          <a:xfrm>
            <a:off x="-5" y="6307392"/>
            <a:ext cx="12192005" cy="1101029"/>
            <a:chOff x="-5" y="6307392"/>
            <a:chExt cx="12192005" cy="1101029"/>
          </a:xfrm>
        </p:grpSpPr>
        <p:sp>
          <p:nvSpPr>
            <p:cNvPr id="29" name="Rectangle 28">
              <a:extLst>
                <a:ext uri="{FF2B5EF4-FFF2-40B4-BE49-F238E27FC236}">
                  <a16:creationId xmlns:a16="http://schemas.microsoft.com/office/drawing/2014/main" id="{2464751E-DA80-634D-BB88-F5466BE3A592}"/>
                </a:ext>
              </a:extLst>
            </p:cNvPr>
            <p:cNvSpPr/>
            <p:nvPr/>
          </p:nvSpPr>
          <p:spPr>
            <a:xfrm>
              <a:off x="-5" y="6310592"/>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0" name="Picture 29" descr="Calendar&#10;&#10;Description automatically generated">
              <a:extLst>
                <a:ext uri="{FF2B5EF4-FFF2-40B4-BE49-F238E27FC236}">
                  <a16:creationId xmlns:a16="http://schemas.microsoft.com/office/drawing/2014/main" id="{15B4DA5C-CE81-D843-8EA5-F57C6C7AF20A}"/>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r="-14246"/>
            <a:stretch/>
          </p:blipFill>
          <p:spPr>
            <a:xfrm>
              <a:off x="9876751" y="6317008"/>
              <a:ext cx="1234593" cy="893948"/>
            </a:xfrm>
            <a:prstGeom prst="rect">
              <a:avLst/>
            </a:prstGeom>
          </p:spPr>
        </p:pic>
        <p:sp>
          <p:nvSpPr>
            <p:cNvPr id="31" name="Rectangle 30">
              <a:extLst>
                <a:ext uri="{FF2B5EF4-FFF2-40B4-BE49-F238E27FC236}">
                  <a16:creationId xmlns:a16="http://schemas.microsoft.com/office/drawing/2014/main" id="{09978B5A-25CE-DF41-A718-97E22F96E36E}"/>
                </a:ext>
              </a:extLst>
            </p:cNvPr>
            <p:cNvSpPr/>
            <p:nvPr/>
          </p:nvSpPr>
          <p:spPr>
            <a:xfrm>
              <a:off x="7407550" y="6307392"/>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a:extLst>
                <a:ext uri="{FF2B5EF4-FFF2-40B4-BE49-F238E27FC236}">
                  <a16:creationId xmlns:a16="http://schemas.microsoft.com/office/drawing/2014/main" id="{9B68D1AA-69F1-3F48-8A6D-12571DABCCCD}"/>
                </a:ext>
              </a:extLst>
            </p:cNvPr>
            <p:cNvSpPr/>
            <p:nvPr/>
          </p:nvSpPr>
          <p:spPr>
            <a:xfrm>
              <a:off x="6172960" y="6315571"/>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3" name="Rectangle 32">
              <a:extLst>
                <a:ext uri="{FF2B5EF4-FFF2-40B4-BE49-F238E27FC236}">
                  <a16:creationId xmlns:a16="http://schemas.microsoft.com/office/drawing/2014/main" id="{C2EB6F7D-7C10-2244-9427-27AAA91AA371}"/>
                </a:ext>
              </a:extLst>
            </p:cNvPr>
            <p:cNvSpPr/>
            <p:nvPr/>
          </p:nvSpPr>
          <p:spPr>
            <a:xfrm>
              <a:off x="8642140" y="6317672"/>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4" name="Rectangle 33">
              <a:extLst>
                <a:ext uri="{FF2B5EF4-FFF2-40B4-BE49-F238E27FC236}">
                  <a16:creationId xmlns:a16="http://schemas.microsoft.com/office/drawing/2014/main" id="{3ED9DF39-1C5C-A844-9610-C0282E801664}"/>
                </a:ext>
              </a:extLst>
            </p:cNvPr>
            <p:cNvSpPr/>
            <p:nvPr/>
          </p:nvSpPr>
          <p:spPr>
            <a:xfrm>
              <a:off x="9876730" y="6317672"/>
              <a:ext cx="1080655" cy="1080655"/>
            </a:xfrm>
            <a:prstGeom prst="rect">
              <a:avLst/>
            </a:prstGeom>
            <a:solidFill>
              <a:srgbClr val="D3D936">
                <a:alpha val="7531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Rectangle 34">
              <a:extLst>
                <a:ext uri="{FF2B5EF4-FFF2-40B4-BE49-F238E27FC236}">
                  <a16:creationId xmlns:a16="http://schemas.microsoft.com/office/drawing/2014/main" id="{8CA27391-9D22-AF46-96DB-11E966EC640D}"/>
                </a:ext>
              </a:extLst>
            </p:cNvPr>
            <p:cNvSpPr/>
            <p:nvPr/>
          </p:nvSpPr>
          <p:spPr>
            <a:xfrm>
              <a:off x="11111345" y="6327766"/>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a:extLst>
                <a:ext uri="{FF2B5EF4-FFF2-40B4-BE49-F238E27FC236}">
                  <a16:creationId xmlns:a16="http://schemas.microsoft.com/office/drawing/2014/main" id="{99ACC864-2BE2-1142-8A02-45351B794253}"/>
                </a:ext>
              </a:extLst>
            </p:cNvPr>
            <p:cNvSpPr/>
            <p:nvPr/>
          </p:nvSpPr>
          <p:spPr>
            <a:xfrm>
              <a:off x="4938365" y="6307393"/>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8" name="Rectangle 37">
              <a:extLst>
                <a:ext uri="{FF2B5EF4-FFF2-40B4-BE49-F238E27FC236}">
                  <a16:creationId xmlns:a16="http://schemas.microsoft.com/office/drawing/2014/main" id="{27D1FB47-9329-9A4C-AF28-7A8B9AC09C19}"/>
                </a:ext>
              </a:extLst>
            </p:cNvPr>
            <p:cNvSpPr/>
            <p:nvPr/>
          </p:nvSpPr>
          <p:spPr>
            <a:xfrm>
              <a:off x="3703775" y="6317672"/>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9" name="Rectangle 38">
              <a:extLst>
                <a:ext uri="{FF2B5EF4-FFF2-40B4-BE49-F238E27FC236}">
                  <a16:creationId xmlns:a16="http://schemas.microsoft.com/office/drawing/2014/main" id="{88748A0E-CA75-644C-8AB3-44E28D9D14D3}"/>
                </a:ext>
              </a:extLst>
            </p:cNvPr>
            <p:cNvSpPr/>
            <p:nvPr/>
          </p:nvSpPr>
          <p:spPr>
            <a:xfrm>
              <a:off x="2469180" y="6307394"/>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0" name="Rectangle 39">
              <a:extLst>
                <a:ext uri="{FF2B5EF4-FFF2-40B4-BE49-F238E27FC236}">
                  <a16:creationId xmlns:a16="http://schemas.microsoft.com/office/drawing/2014/main" id="{02E559D7-A4F1-D546-8F8E-AE47BF23C3D8}"/>
                </a:ext>
              </a:extLst>
            </p:cNvPr>
            <p:cNvSpPr/>
            <p:nvPr/>
          </p:nvSpPr>
          <p:spPr>
            <a:xfrm>
              <a:off x="1234590" y="6307395"/>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54" name="Rectangle 53">
            <a:extLst>
              <a:ext uri="{FF2B5EF4-FFF2-40B4-BE49-F238E27FC236}">
                <a16:creationId xmlns:a16="http://schemas.microsoft.com/office/drawing/2014/main" id="{E02A279E-9874-554A-BEF6-56E111A8DBDC}"/>
              </a:ext>
            </a:extLst>
          </p:cNvPr>
          <p:cNvSpPr/>
          <p:nvPr/>
        </p:nvSpPr>
        <p:spPr>
          <a:xfrm>
            <a:off x="11111345" y="5064823"/>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7" name="TextBox 46">
            <a:extLst>
              <a:ext uri="{FF2B5EF4-FFF2-40B4-BE49-F238E27FC236}">
                <a16:creationId xmlns:a16="http://schemas.microsoft.com/office/drawing/2014/main" id="{2C80EF60-FA4F-45C0-BEF2-DA093E7AC650}"/>
              </a:ext>
            </a:extLst>
          </p:cNvPr>
          <p:cNvSpPr txBox="1"/>
          <p:nvPr/>
        </p:nvSpPr>
        <p:spPr>
          <a:xfrm>
            <a:off x="1176842" y="1363375"/>
            <a:ext cx="9780543" cy="3970318"/>
          </a:xfrm>
          <a:prstGeom prst="rect">
            <a:avLst/>
          </a:prstGeom>
          <a:noFill/>
        </p:spPr>
        <p:txBody>
          <a:bodyPr wrap="square">
            <a:spAutoFit/>
          </a:bodyPr>
          <a:lstStyle/>
          <a:p>
            <a:pPr marR="0" lvl="0" algn="l" defTabSz="914400" rtl="0" eaLnBrk="1" fontAlgn="auto" latinLnBrk="0" hangingPunct="1">
              <a:lnSpc>
                <a:spcPct val="100000"/>
              </a:lnSpc>
              <a:spcBef>
                <a:spcPts val="0"/>
              </a:spcBef>
              <a:spcAft>
                <a:spcPts val="0"/>
              </a:spcAft>
              <a:buClrTx/>
              <a:buSzTx/>
              <a:tabLst/>
              <a:defRPr/>
            </a:pPr>
            <a:r>
              <a:rPr lang="en-ZA" b="1" i="1" dirty="0">
                <a:solidFill>
                  <a:srgbClr val="03A65A"/>
                </a:solidFill>
                <a:latin typeface="Calibri" panose="020F0502020204030204" pitchFamily="34" charset="0"/>
                <a:ea typeface="Calibri" panose="020F0502020204030204" pitchFamily="34" charset="0"/>
              </a:rPr>
              <a:t>Issue</a:t>
            </a:r>
            <a:r>
              <a:rPr lang="en-ZA" sz="1800" b="1" i="1" dirty="0">
                <a:solidFill>
                  <a:srgbClr val="03A65A"/>
                </a:solidFill>
                <a:effectLst/>
                <a:latin typeface="Calibri" panose="020F0502020204030204" pitchFamily="34" charset="0"/>
                <a:ea typeface="Calibri" panose="020F0502020204030204" pitchFamily="34" charset="0"/>
              </a:rPr>
              <a:t> 1: SARS’ perceived inequitable conduct about compliant taxpayers is creating a further risk of increased costs of collection and decreased taxpayer voluntary compliance.</a:t>
            </a:r>
          </a:p>
          <a:p>
            <a:pPr marR="0" lvl="0" algn="just" defTabSz="914400" rtl="0" eaLnBrk="1" fontAlgn="auto" latinLnBrk="0" hangingPunct="1">
              <a:lnSpc>
                <a:spcPct val="100000"/>
              </a:lnSpc>
              <a:spcBef>
                <a:spcPts val="0"/>
              </a:spcBef>
              <a:spcAft>
                <a:spcPts val="0"/>
              </a:spcAft>
              <a:buClrTx/>
              <a:buSzTx/>
              <a:tabLst/>
              <a:defRPr/>
            </a:pPr>
            <a:endParaRPr kumimoji="0" lang="en-ZA" i="0" u="none" strike="noStrike" kern="1200" cap="none" spc="0" normalizeH="0" baseline="0" noProof="0" dirty="0">
              <a:ln>
                <a:noFill/>
              </a:ln>
              <a:solidFill>
                <a:schemeClr val="tx1">
                  <a:lumMod val="75000"/>
                  <a:lumOff val="25000"/>
                </a:schemeClr>
              </a:solidFill>
              <a:uLnTx/>
              <a:uFillTx/>
              <a:latin typeface="Calibri" panose="020F0502020204030204" pitchFamily="34" charset="0"/>
              <a:cs typeface="Arial" panose="020B0604020202020204" pitchFamily="34" charset="0"/>
            </a:endParaRPr>
          </a:p>
          <a:p>
            <a:pPr marL="285750" marR="0" lvl="0" indent="-2857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ZA" dirty="0" smtClean="0"/>
              <a:t>To the extent that there is indeed inequitable conduct as alleged, the OTO invites Parliament or any other party to share information on this issue to enable the OTO to conduct an investigation to the extent that the matter falls within its mandate.</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ZA" i="1" u="none" strike="noStrike" kern="1200" cap="none" spc="0" normalizeH="0" baseline="0" noProof="0" dirty="0" smtClean="0">
              <a:ln>
                <a:noFill/>
              </a:ln>
              <a:solidFill>
                <a:schemeClr val="tx1">
                  <a:lumMod val="75000"/>
                  <a:lumOff val="25000"/>
                </a:schemeClr>
              </a:solidFill>
              <a:effectLst/>
              <a:uLnTx/>
              <a:uFillTx/>
              <a:latin typeface="Calibri" panose="020F0502020204030204" pitchFamily="34" charset="0"/>
              <a:cs typeface="Arial" panose="020B0604020202020204" pitchFamily="34" charset="0"/>
            </a:endParaRPr>
          </a:p>
          <a:p>
            <a:pPr marR="0" lvl="0" algn="l" defTabSz="914400" rtl="0" eaLnBrk="1" fontAlgn="auto" latinLnBrk="0" hangingPunct="1">
              <a:lnSpc>
                <a:spcPct val="100000"/>
              </a:lnSpc>
              <a:spcBef>
                <a:spcPts val="0"/>
              </a:spcBef>
              <a:spcAft>
                <a:spcPts val="0"/>
              </a:spcAft>
              <a:buClrTx/>
              <a:buSzTx/>
              <a:tabLst/>
              <a:defRPr/>
            </a:pPr>
            <a:r>
              <a:rPr lang="en-ZA" b="1" i="1" dirty="0" smtClean="0">
                <a:solidFill>
                  <a:srgbClr val="03A65A"/>
                </a:solidFill>
                <a:latin typeface="Calibri" panose="020F0502020204030204" pitchFamily="34" charset="0"/>
                <a:ea typeface="Calibri" panose="020F0502020204030204" pitchFamily="34" charset="0"/>
              </a:rPr>
              <a:t>Issue</a:t>
            </a:r>
            <a:r>
              <a:rPr lang="en-ZA" sz="1800" b="1" i="1" dirty="0" smtClean="0">
                <a:solidFill>
                  <a:srgbClr val="03A65A"/>
                </a:solidFill>
                <a:effectLst/>
                <a:latin typeface="Calibri" panose="020F0502020204030204" pitchFamily="34" charset="0"/>
                <a:ea typeface="Calibri" panose="020F0502020204030204" pitchFamily="34" charset="0"/>
              </a:rPr>
              <a:t> </a:t>
            </a:r>
            <a:r>
              <a:rPr lang="en-ZA" sz="1800" b="1" i="1" dirty="0">
                <a:solidFill>
                  <a:srgbClr val="03A65A"/>
                </a:solidFill>
                <a:effectLst/>
                <a:latin typeface="Calibri" panose="020F0502020204030204" pitchFamily="34" charset="0"/>
                <a:ea typeface="Calibri" panose="020F0502020204030204" pitchFamily="34" charset="0"/>
              </a:rPr>
              <a:t>2: Taxpayer dissatisfaction with SARS’ services has increased, as evidenced by the number of operational queries received from members of the professional tax bodies</a:t>
            </a:r>
            <a:r>
              <a:rPr lang="en-ZA" sz="1800" b="1" i="1" dirty="0" smtClean="0">
                <a:solidFill>
                  <a:srgbClr val="03A65A"/>
                </a:solidFill>
                <a:effectLst/>
                <a:latin typeface="Calibri" panose="020F0502020204030204" pitchFamily="34" charset="0"/>
                <a:ea typeface="Calibri" panose="020F0502020204030204" pitchFamily="34" charset="0"/>
              </a:rPr>
              <a:t>.</a:t>
            </a:r>
          </a:p>
          <a:p>
            <a:pPr marR="0" lvl="0" algn="l" defTabSz="914400" rtl="0" eaLnBrk="1" fontAlgn="auto" latinLnBrk="0" hangingPunct="1">
              <a:lnSpc>
                <a:spcPct val="100000"/>
              </a:lnSpc>
              <a:spcBef>
                <a:spcPts val="0"/>
              </a:spcBef>
              <a:spcAft>
                <a:spcPts val="0"/>
              </a:spcAft>
              <a:buClrTx/>
              <a:buSzTx/>
              <a:tabLst/>
              <a:defRPr/>
            </a:pPr>
            <a:endParaRPr lang="en-ZA" sz="1800" b="1" i="1" dirty="0" smtClean="0">
              <a:solidFill>
                <a:srgbClr val="03A65A"/>
              </a:solidFill>
              <a:effectLst/>
              <a:latin typeface="Calibri" panose="020F0502020204030204" pitchFamily="34" charset="0"/>
              <a:ea typeface="Calibri" panose="020F0502020204030204" pitchFamily="34" charset="0"/>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ZA" dirty="0" smtClean="0">
                <a:latin typeface="Calibri" panose="020F0502020204030204" pitchFamily="34" charset="0"/>
                <a:ea typeface="Calibri" panose="020F0502020204030204" pitchFamily="34" charset="0"/>
              </a:rPr>
              <a:t>The number of complaints received by the OTO has not increased, but the proportion of complaints received from taxpayer representatives did; in “taxpayer representatives” are included professional tax bodies.</a:t>
            </a:r>
            <a:endParaRPr lang="en-ZA" sz="1800" b="1" i="1" dirty="0">
              <a:solidFill>
                <a:srgbClr val="03A65A"/>
              </a:solidFill>
              <a:effectLst/>
              <a:latin typeface="Calibri" panose="020F0502020204030204" pitchFamily="34" charset="0"/>
              <a:ea typeface="Calibri" panose="020F0502020204030204" pitchFamily="34" charset="0"/>
            </a:endParaRPr>
          </a:p>
          <a:p>
            <a:pPr marR="0" lvl="0" algn="l" defTabSz="914400" rtl="0" eaLnBrk="1" fontAlgn="auto" latinLnBrk="0" hangingPunct="1">
              <a:lnSpc>
                <a:spcPct val="100000"/>
              </a:lnSpc>
              <a:spcBef>
                <a:spcPts val="0"/>
              </a:spcBef>
              <a:spcAft>
                <a:spcPts val="0"/>
              </a:spcAft>
              <a:buClrTx/>
              <a:buSzTx/>
              <a:tabLst/>
              <a:defRPr/>
            </a:pPr>
            <a:endParaRPr kumimoji="0" lang="en-ZA" i="1" u="none" strike="noStrike" kern="1200" cap="none" spc="0" normalizeH="0" baseline="0" noProof="0" dirty="0">
              <a:ln>
                <a:noFill/>
              </a:ln>
              <a:solidFill>
                <a:schemeClr val="tx1">
                  <a:lumMod val="75000"/>
                  <a:lumOff val="25000"/>
                </a:schemeClr>
              </a:solidFill>
              <a:uLnTx/>
              <a:uFillTx/>
              <a:latin typeface="Calibri" panose="020F0502020204030204" pitchFamily="34" charset="0"/>
              <a:cs typeface="Arial" panose="020B0604020202020204" pitchFamily="34" charset="0"/>
            </a:endParaRPr>
          </a:p>
        </p:txBody>
      </p:sp>
      <p:graphicFrame>
        <p:nvGraphicFramePr>
          <p:cNvPr id="5" name="Table 4">
            <a:extLst>
              <a:ext uri="{FF2B5EF4-FFF2-40B4-BE49-F238E27FC236}">
                <a16:creationId xmlns:a16="http://schemas.microsoft.com/office/drawing/2014/main" id="{991BE8B7-5014-4D54-83EB-E05E6028CCED}"/>
              </a:ext>
            </a:extLst>
          </p:cNvPr>
          <p:cNvGraphicFramePr>
            <a:graphicFrameLocks noGrp="1"/>
          </p:cNvGraphicFramePr>
          <p:nvPr>
            <p:extLst>
              <p:ext uri="{D42A27DB-BD31-4B8C-83A1-F6EECF244321}">
                <p14:modId xmlns:p14="http://schemas.microsoft.com/office/powerpoint/2010/main" val="2453268714"/>
              </p:ext>
            </p:extLst>
          </p:nvPr>
        </p:nvGraphicFramePr>
        <p:xfrm>
          <a:off x="5803733" y="4762831"/>
          <a:ext cx="3504341" cy="1219200"/>
        </p:xfrm>
        <a:graphic>
          <a:graphicData uri="http://schemas.openxmlformats.org/drawingml/2006/table">
            <a:tbl>
              <a:tblPr firstRow="1" firstCol="1" bandRow="1">
                <a:tableStyleId>{5C22544A-7EE6-4342-B048-85BDC9FD1C3A}</a:tableStyleId>
              </a:tblPr>
              <a:tblGrid>
                <a:gridCol w="932457">
                  <a:extLst>
                    <a:ext uri="{9D8B030D-6E8A-4147-A177-3AD203B41FA5}">
                      <a16:colId xmlns:a16="http://schemas.microsoft.com/office/drawing/2014/main" val="2947958051"/>
                    </a:ext>
                  </a:extLst>
                </a:gridCol>
                <a:gridCol w="1048137">
                  <a:extLst>
                    <a:ext uri="{9D8B030D-6E8A-4147-A177-3AD203B41FA5}">
                      <a16:colId xmlns:a16="http://schemas.microsoft.com/office/drawing/2014/main" val="650934924"/>
                    </a:ext>
                  </a:extLst>
                </a:gridCol>
                <a:gridCol w="1523747">
                  <a:extLst>
                    <a:ext uri="{9D8B030D-6E8A-4147-A177-3AD203B41FA5}">
                      <a16:colId xmlns:a16="http://schemas.microsoft.com/office/drawing/2014/main" val="3187478562"/>
                    </a:ext>
                  </a:extLst>
                </a:gridCol>
              </a:tblGrid>
              <a:tr h="424774">
                <a:tc>
                  <a:txBody>
                    <a:bodyPr/>
                    <a:lstStyle/>
                    <a:p>
                      <a:r>
                        <a:rPr lang="en-ZA" sz="1600" dirty="0">
                          <a:effectLst/>
                        </a:rPr>
                        <a:t>Years</a:t>
                      </a:r>
                      <a:endParaRPr lang="en-ZA" sz="1600" dirty="0">
                        <a:effectLst/>
                        <a:latin typeface="Calibri" panose="020F0502020204030204" pitchFamily="34" charset="0"/>
                        <a:ea typeface="Calibri" panose="020F0502020204030204" pitchFamily="34" charset="0"/>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3A65A"/>
                    </a:solidFill>
                  </a:tcPr>
                </a:tc>
                <a:tc>
                  <a:txBody>
                    <a:bodyPr/>
                    <a:lstStyle/>
                    <a:p>
                      <a:r>
                        <a:rPr lang="en-ZA" sz="1600" dirty="0">
                          <a:effectLst/>
                        </a:rPr>
                        <a:t>Taxpayers</a:t>
                      </a:r>
                      <a:endParaRPr lang="en-ZA" sz="1600" dirty="0">
                        <a:effectLst/>
                        <a:latin typeface="Calibri" panose="020F0502020204030204" pitchFamily="34" charset="0"/>
                        <a:ea typeface="Calibri" panose="020F0502020204030204" pitchFamily="34" charset="0"/>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3A65A"/>
                    </a:solidFill>
                  </a:tcPr>
                </a:tc>
                <a:tc>
                  <a:txBody>
                    <a:bodyPr/>
                    <a:lstStyle/>
                    <a:p>
                      <a:r>
                        <a:rPr lang="en-ZA" sz="1600" dirty="0">
                          <a:effectLst/>
                        </a:rPr>
                        <a:t>Taxpayer Representative</a:t>
                      </a:r>
                      <a:endParaRPr lang="en-ZA" sz="1600" dirty="0">
                        <a:effectLst/>
                        <a:latin typeface="Calibri" panose="020F0502020204030204" pitchFamily="34" charset="0"/>
                        <a:ea typeface="Calibri" panose="020F0502020204030204" pitchFamily="34" charset="0"/>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3A65A"/>
                    </a:solidFill>
                  </a:tcPr>
                </a:tc>
                <a:extLst>
                  <a:ext uri="{0D108BD9-81ED-4DB2-BD59-A6C34878D82A}">
                    <a16:rowId xmlns:a16="http://schemas.microsoft.com/office/drawing/2014/main" val="483552813"/>
                  </a:ext>
                </a:extLst>
              </a:tr>
              <a:tr h="208983">
                <a:tc>
                  <a:txBody>
                    <a:bodyPr/>
                    <a:lstStyle/>
                    <a:p>
                      <a:r>
                        <a:rPr lang="en-ZA" sz="1600" dirty="0">
                          <a:effectLst/>
                        </a:rPr>
                        <a:t>2018/19</a:t>
                      </a:r>
                      <a:endParaRPr lang="en-ZA" sz="1600" dirty="0">
                        <a:effectLst/>
                        <a:latin typeface="Calibri" panose="020F0502020204030204" pitchFamily="34" charset="0"/>
                        <a:ea typeface="Calibri" panose="020F0502020204030204" pitchFamily="34" charset="0"/>
                      </a:endParaRPr>
                    </a:p>
                  </a:txBody>
                  <a:tcPr marL="68580" marR="68580" marT="0"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3A65A"/>
                    </a:solidFill>
                  </a:tcPr>
                </a:tc>
                <a:tc>
                  <a:txBody>
                    <a:bodyPr/>
                    <a:lstStyle/>
                    <a:p>
                      <a:pPr algn="r"/>
                      <a:r>
                        <a:rPr lang="en-ZA" sz="1600" dirty="0">
                          <a:effectLst/>
                        </a:rPr>
                        <a:t>55%</a:t>
                      </a:r>
                      <a:endParaRPr lang="en-ZA" sz="1600" dirty="0">
                        <a:effectLst/>
                        <a:latin typeface="Calibri" panose="020F0502020204030204" pitchFamily="34" charset="0"/>
                        <a:ea typeface="Calibri" panose="020F0502020204030204" pitchFamily="34" charset="0"/>
                      </a:endParaRPr>
                    </a:p>
                  </a:txBody>
                  <a:tcPr marL="68580" marR="68580" marT="0"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ZA" sz="1600" dirty="0">
                          <a:effectLst/>
                        </a:rPr>
                        <a:t>45%</a:t>
                      </a:r>
                      <a:endParaRPr lang="en-ZA" sz="1600" dirty="0">
                        <a:effectLst/>
                        <a:latin typeface="Calibri" panose="020F0502020204030204" pitchFamily="34" charset="0"/>
                        <a:ea typeface="Calibri" panose="020F0502020204030204" pitchFamily="34" charset="0"/>
                      </a:endParaRPr>
                    </a:p>
                  </a:txBody>
                  <a:tcPr marL="68580" marR="68580" marT="0"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095080635"/>
                  </a:ext>
                </a:extLst>
              </a:tr>
              <a:tr h="208983">
                <a:tc>
                  <a:txBody>
                    <a:bodyPr/>
                    <a:lstStyle/>
                    <a:p>
                      <a:r>
                        <a:rPr lang="en-ZA" sz="1600" dirty="0">
                          <a:effectLst/>
                        </a:rPr>
                        <a:t>2019/20</a:t>
                      </a:r>
                      <a:endParaRPr lang="en-ZA" sz="1600" dirty="0">
                        <a:effectLst/>
                        <a:latin typeface="Calibri" panose="020F0502020204030204" pitchFamily="34" charset="0"/>
                        <a:ea typeface="Calibri" panose="020F0502020204030204" pitchFamily="34" charset="0"/>
                      </a:endParaRPr>
                    </a:p>
                  </a:txBody>
                  <a:tcPr marL="68580" marR="68580" marT="0"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3A65A"/>
                    </a:solidFill>
                  </a:tcPr>
                </a:tc>
                <a:tc>
                  <a:txBody>
                    <a:bodyPr/>
                    <a:lstStyle/>
                    <a:p>
                      <a:pPr algn="r"/>
                      <a:r>
                        <a:rPr lang="en-ZA" sz="1600" dirty="0">
                          <a:effectLst/>
                        </a:rPr>
                        <a:t>49%</a:t>
                      </a:r>
                      <a:endParaRPr lang="en-ZA" sz="1600" dirty="0">
                        <a:effectLst/>
                        <a:latin typeface="Calibri" panose="020F0502020204030204" pitchFamily="34" charset="0"/>
                        <a:ea typeface="Calibri" panose="020F0502020204030204" pitchFamily="34" charset="0"/>
                      </a:endParaRPr>
                    </a:p>
                  </a:txBody>
                  <a:tcPr marL="68580" marR="68580" marT="0"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ZA" sz="1600" dirty="0">
                          <a:effectLst/>
                        </a:rPr>
                        <a:t>51%</a:t>
                      </a:r>
                      <a:endParaRPr lang="en-ZA" sz="1600" dirty="0">
                        <a:effectLst/>
                        <a:latin typeface="Calibri" panose="020F0502020204030204" pitchFamily="34" charset="0"/>
                        <a:ea typeface="Calibri" panose="020F0502020204030204" pitchFamily="34" charset="0"/>
                      </a:endParaRPr>
                    </a:p>
                  </a:txBody>
                  <a:tcPr marL="68580" marR="68580" marT="0"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59817175"/>
                  </a:ext>
                </a:extLst>
              </a:tr>
              <a:tr h="208983">
                <a:tc>
                  <a:txBody>
                    <a:bodyPr/>
                    <a:lstStyle/>
                    <a:p>
                      <a:r>
                        <a:rPr lang="en-ZA" sz="1600" dirty="0">
                          <a:effectLst/>
                        </a:rPr>
                        <a:t>2020/21</a:t>
                      </a:r>
                      <a:endParaRPr lang="en-ZA" sz="1600" dirty="0">
                        <a:effectLst/>
                        <a:latin typeface="Calibri" panose="020F0502020204030204" pitchFamily="34" charset="0"/>
                        <a:ea typeface="Calibri" panose="020F0502020204030204" pitchFamily="34" charset="0"/>
                      </a:endParaRPr>
                    </a:p>
                  </a:txBody>
                  <a:tcPr marL="68580" marR="68580" marT="0"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3A65A"/>
                    </a:solidFill>
                  </a:tcPr>
                </a:tc>
                <a:tc>
                  <a:txBody>
                    <a:bodyPr/>
                    <a:lstStyle/>
                    <a:p>
                      <a:pPr algn="r"/>
                      <a:r>
                        <a:rPr lang="en-ZA" sz="1600">
                          <a:effectLst/>
                        </a:rPr>
                        <a:t>47%</a:t>
                      </a:r>
                      <a:endParaRPr lang="en-ZA" sz="1600">
                        <a:effectLst/>
                        <a:latin typeface="Calibri" panose="020F0502020204030204" pitchFamily="34" charset="0"/>
                        <a:ea typeface="Calibri" panose="020F0502020204030204" pitchFamily="34" charset="0"/>
                      </a:endParaRPr>
                    </a:p>
                  </a:txBody>
                  <a:tcPr marL="68580" marR="68580" marT="0"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ZA" sz="1600" dirty="0">
                          <a:effectLst/>
                        </a:rPr>
                        <a:t>53%</a:t>
                      </a:r>
                      <a:endParaRPr lang="en-ZA" sz="1600" dirty="0">
                        <a:effectLst/>
                        <a:latin typeface="Calibri" panose="020F0502020204030204" pitchFamily="34" charset="0"/>
                        <a:ea typeface="Calibri" panose="020F0502020204030204" pitchFamily="34" charset="0"/>
                      </a:endParaRPr>
                    </a:p>
                  </a:txBody>
                  <a:tcPr marL="68580" marR="68580" marT="0"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577987136"/>
                  </a:ext>
                </a:extLst>
              </a:tr>
            </a:tbl>
          </a:graphicData>
        </a:graphic>
      </p:graphicFrame>
      <p:sp>
        <p:nvSpPr>
          <p:cNvPr id="2" name="Slide Number Placeholder 1"/>
          <p:cNvSpPr>
            <a:spLocks noGrp="1"/>
          </p:cNvSpPr>
          <p:nvPr>
            <p:ph type="sldNum" sz="quarter" idx="12"/>
          </p:nvPr>
        </p:nvSpPr>
        <p:spPr/>
        <p:txBody>
          <a:bodyPr/>
          <a:lstStyle/>
          <a:p>
            <a:fld id="{BCCA197E-0889-4A4B-9EF4-38D9D114EE3E}" type="slidenum">
              <a:rPr lang="en-US" smtClean="0"/>
              <a:t>6</a:t>
            </a:fld>
            <a:endParaRPr lang="en-US"/>
          </a:p>
        </p:txBody>
      </p:sp>
    </p:spTree>
    <p:extLst>
      <p:ext uri="{BB962C8B-B14F-4D97-AF65-F5344CB8AC3E}">
        <p14:creationId xmlns:p14="http://schemas.microsoft.com/office/powerpoint/2010/main" val="303279549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5" y="5048472"/>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310592"/>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ectangle 30">
            <a:extLst>
              <a:ext uri="{FF2B5EF4-FFF2-40B4-BE49-F238E27FC236}">
                <a16:creationId xmlns:a16="http://schemas.microsoft.com/office/drawing/2014/main" id="{A2BFB17E-0AE3-F244-97A0-E41F804F4DB4}"/>
              </a:ext>
            </a:extLst>
          </p:cNvPr>
          <p:cNvSpPr/>
          <p:nvPr/>
        </p:nvSpPr>
        <p:spPr>
          <a:xfrm>
            <a:off x="7407564" y="6317672"/>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Rectangle 13">
            <a:extLst>
              <a:ext uri="{FF2B5EF4-FFF2-40B4-BE49-F238E27FC236}">
                <a16:creationId xmlns:a16="http://schemas.microsoft.com/office/drawing/2014/main" id="{B6E872A1-561F-1344-A9FE-8A2F958F45EA}"/>
              </a:ext>
            </a:extLst>
          </p:cNvPr>
          <p:cNvSpPr/>
          <p:nvPr/>
        </p:nvSpPr>
        <p:spPr>
          <a:xfrm>
            <a:off x="-5" y="5055560"/>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 name="Rectangle 14">
            <a:extLst>
              <a:ext uri="{FF2B5EF4-FFF2-40B4-BE49-F238E27FC236}">
                <a16:creationId xmlns:a16="http://schemas.microsoft.com/office/drawing/2014/main" id="{BF659261-F6D8-8043-94A0-0A775A54DC3F}"/>
              </a:ext>
            </a:extLst>
          </p:cNvPr>
          <p:cNvSpPr/>
          <p:nvPr/>
        </p:nvSpPr>
        <p:spPr>
          <a:xfrm>
            <a:off x="-5" y="6317680"/>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a:extLst>
              <a:ext uri="{FF2B5EF4-FFF2-40B4-BE49-F238E27FC236}">
                <a16:creationId xmlns:a16="http://schemas.microsoft.com/office/drawing/2014/main" id="{86AD966C-2AA8-3541-98C8-FDD1D752855E}"/>
              </a:ext>
            </a:extLst>
          </p:cNvPr>
          <p:cNvSpPr/>
          <p:nvPr/>
        </p:nvSpPr>
        <p:spPr>
          <a:xfrm>
            <a:off x="-5" y="6317680"/>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a:extLst>
              <a:ext uri="{FF2B5EF4-FFF2-40B4-BE49-F238E27FC236}">
                <a16:creationId xmlns:a16="http://schemas.microsoft.com/office/drawing/2014/main" id="{4CD9716B-300E-A144-B817-38EA39B91F90}"/>
              </a:ext>
            </a:extLst>
          </p:cNvPr>
          <p:cNvSpPr/>
          <p:nvPr/>
        </p:nvSpPr>
        <p:spPr>
          <a:xfrm>
            <a:off x="7407550" y="6314480"/>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a:extLst>
              <a:ext uri="{FF2B5EF4-FFF2-40B4-BE49-F238E27FC236}">
                <a16:creationId xmlns:a16="http://schemas.microsoft.com/office/drawing/2014/main" id="{111DEA80-8D7C-3242-8E43-6AF762944B24}"/>
              </a:ext>
            </a:extLst>
          </p:cNvPr>
          <p:cNvSpPr/>
          <p:nvPr/>
        </p:nvSpPr>
        <p:spPr>
          <a:xfrm>
            <a:off x="6172960" y="6322659"/>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4" name="Rectangle 23">
            <a:extLst>
              <a:ext uri="{FF2B5EF4-FFF2-40B4-BE49-F238E27FC236}">
                <a16:creationId xmlns:a16="http://schemas.microsoft.com/office/drawing/2014/main" id="{3D97F5D5-6CF2-2D41-8A11-ED1973E24175}"/>
              </a:ext>
            </a:extLst>
          </p:cNvPr>
          <p:cNvSpPr/>
          <p:nvPr/>
        </p:nvSpPr>
        <p:spPr>
          <a:xfrm>
            <a:off x="4938365" y="6314481"/>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6" name="Rectangle 25">
            <a:extLst>
              <a:ext uri="{FF2B5EF4-FFF2-40B4-BE49-F238E27FC236}">
                <a16:creationId xmlns:a16="http://schemas.microsoft.com/office/drawing/2014/main" id="{15D08579-466F-7A40-A9B1-E7F593E58E07}"/>
              </a:ext>
            </a:extLst>
          </p:cNvPr>
          <p:cNvSpPr/>
          <p:nvPr/>
        </p:nvSpPr>
        <p:spPr>
          <a:xfrm>
            <a:off x="3703775" y="6324760"/>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7" name="Rectangle 26">
            <a:extLst>
              <a:ext uri="{FF2B5EF4-FFF2-40B4-BE49-F238E27FC236}">
                <a16:creationId xmlns:a16="http://schemas.microsoft.com/office/drawing/2014/main" id="{A25B0332-6E1F-0643-80C0-F171AFC8209B}"/>
              </a:ext>
            </a:extLst>
          </p:cNvPr>
          <p:cNvSpPr/>
          <p:nvPr/>
        </p:nvSpPr>
        <p:spPr>
          <a:xfrm>
            <a:off x="2469180" y="6314482"/>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2" name="Rectangle 31">
            <a:extLst>
              <a:ext uri="{FF2B5EF4-FFF2-40B4-BE49-F238E27FC236}">
                <a16:creationId xmlns:a16="http://schemas.microsoft.com/office/drawing/2014/main" id="{071D8380-0869-9649-86B7-9EBEF984613C}"/>
              </a:ext>
            </a:extLst>
          </p:cNvPr>
          <p:cNvSpPr/>
          <p:nvPr/>
        </p:nvSpPr>
        <p:spPr>
          <a:xfrm>
            <a:off x="1234590" y="6314483"/>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33" name="Group 32">
            <a:extLst>
              <a:ext uri="{FF2B5EF4-FFF2-40B4-BE49-F238E27FC236}">
                <a16:creationId xmlns:a16="http://schemas.microsoft.com/office/drawing/2014/main" id="{0D3BBD37-BA0D-3440-88C9-20832922E2DA}"/>
              </a:ext>
            </a:extLst>
          </p:cNvPr>
          <p:cNvGrpSpPr/>
          <p:nvPr/>
        </p:nvGrpSpPr>
        <p:grpSpPr>
          <a:xfrm>
            <a:off x="1237306" y="5903334"/>
            <a:ext cx="12192005" cy="1101028"/>
            <a:chOff x="-5" y="6307393"/>
            <a:chExt cx="12192005" cy="1101028"/>
          </a:xfrm>
          <a:effectLst/>
        </p:grpSpPr>
        <p:sp>
          <p:nvSpPr>
            <p:cNvPr id="34" name="Rectangle 33">
              <a:extLst>
                <a:ext uri="{FF2B5EF4-FFF2-40B4-BE49-F238E27FC236}">
                  <a16:creationId xmlns:a16="http://schemas.microsoft.com/office/drawing/2014/main" id="{4254ED9A-0DAD-D647-99E2-86674937350B}"/>
                </a:ext>
              </a:extLst>
            </p:cNvPr>
            <p:cNvSpPr/>
            <p:nvPr/>
          </p:nvSpPr>
          <p:spPr>
            <a:xfrm>
              <a:off x="-5" y="6310592"/>
              <a:ext cx="1080655" cy="1080655"/>
            </a:xfrm>
            <a:prstGeom prst="rect">
              <a:avLst/>
            </a:prstGeom>
            <a:solidFill>
              <a:srgbClr val="03A65A"/>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6" name="Rectangle 35">
              <a:extLst>
                <a:ext uri="{FF2B5EF4-FFF2-40B4-BE49-F238E27FC236}">
                  <a16:creationId xmlns:a16="http://schemas.microsoft.com/office/drawing/2014/main" id="{51416713-8CF1-BD4C-B984-E58EF605BE1B}"/>
                </a:ext>
              </a:extLst>
            </p:cNvPr>
            <p:cNvSpPr/>
            <p:nvPr/>
          </p:nvSpPr>
          <p:spPr>
            <a:xfrm>
              <a:off x="6172960" y="6315571"/>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9" name="Rectangle 38">
              <a:extLst>
                <a:ext uri="{FF2B5EF4-FFF2-40B4-BE49-F238E27FC236}">
                  <a16:creationId xmlns:a16="http://schemas.microsoft.com/office/drawing/2014/main" id="{45FED3A2-AF73-074D-B7FD-C79E1405B97B}"/>
                </a:ext>
              </a:extLst>
            </p:cNvPr>
            <p:cNvSpPr/>
            <p:nvPr/>
          </p:nvSpPr>
          <p:spPr>
            <a:xfrm>
              <a:off x="11111345" y="6327766"/>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0" name="Rectangle 39">
              <a:extLst>
                <a:ext uri="{FF2B5EF4-FFF2-40B4-BE49-F238E27FC236}">
                  <a16:creationId xmlns:a16="http://schemas.microsoft.com/office/drawing/2014/main" id="{E8E88179-0FC7-CA41-9305-2224E0E0A323}"/>
                </a:ext>
              </a:extLst>
            </p:cNvPr>
            <p:cNvSpPr/>
            <p:nvPr/>
          </p:nvSpPr>
          <p:spPr>
            <a:xfrm>
              <a:off x="4938365" y="6307393"/>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1" name="Rectangle 40">
              <a:extLst>
                <a:ext uri="{FF2B5EF4-FFF2-40B4-BE49-F238E27FC236}">
                  <a16:creationId xmlns:a16="http://schemas.microsoft.com/office/drawing/2014/main" id="{5ED52C7B-2F4A-3246-A0F0-EEB7B06629AC}"/>
                </a:ext>
              </a:extLst>
            </p:cNvPr>
            <p:cNvSpPr/>
            <p:nvPr/>
          </p:nvSpPr>
          <p:spPr>
            <a:xfrm>
              <a:off x="3703775" y="6317672"/>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2" name="Rectangle 41">
              <a:extLst>
                <a:ext uri="{FF2B5EF4-FFF2-40B4-BE49-F238E27FC236}">
                  <a16:creationId xmlns:a16="http://schemas.microsoft.com/office/drawing/2014/main" id="{244A1288-FCC0-D548-885C-52C2CD4C0B42}"/>
                </a:ext>
              </a:extLst>
            </p:cNvPr>
            <p:cNvSpPr/>
            <p:nvPr/>
          </p:nvSpPr>
          <p:spPr>
            <a:xfrm>
              <a:off x="2469180" y="6307394"/>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3" name="Rectangle 42">
              <a:extLst>
                <a:ext uri="{FF2B5EF4-FFF2-40B4-BE49-F238E27FC236}">
                  <a16:creationId xmlns:a16="http://schemas.microsoft.com/office/drawing/2014/main" id="{D26A7A87-C723-F144-A4C7-F7A65B439D0B}"/>
                </a:ext>
              </a:extLst>
            </p:cNvPr>
            <p:cNvSpPr/>
            <p:nvPr/>
          </p:nvSpPr>
          <p:spPr>
            <a:xfrm>
              <a:off x="1234590" y="6307395"/>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38" name="TextBox 37">
            <a:extLst>
              <a:ext uri="{FF2B5EF4-FFF2-40B4-BE49-F238E27FC236}">
                <a16:creationId xmlns:a16="http://schemas.microsoft.com/office/drawing/2014/main" id="{4EF9D6B8-2E48-4B3D-A90F-7E8226D41BEC}"/>
              </a:ext>
            </a:extLst>
          </p:cNvPr>
          <p:cNvSpPr txBox="1"/>
          <p:nvPr/>
        </p:nvSpPr>
        <p:spPr>
          <a:xfrm>
            <a:off x="1237306" y="553565"/>
            <a:ext cx="9717388" cy="4524315"/>
          </a:xfrm>
          <a:prstGeom prst="rect">
            <a:avLst/>
          </a:prstGeom>
          <a:noFill/>
        </p:spPr>
        <p:txBody>
          <a:bodyPr wrap="square">
            <a:spAutoFit/>
          </a:bodyPr>
          <a:lstStyle/>
          <a:p>
            <a:pPr marR="0" lvl="0" algn="l" defTabSz="914400" rtl="0" eaLnBrk="1" fontAlgn="auto" latinLnBrk="0" hangingPunct="1">
              <a:lnSpc>
                <a:spcPct val="100000"/>
              </a:lnSpc>
              <a:spcBef>
                <a:spcPts val="0"/>
              </a:spcBef>
              <a:spcAft>
                <a:spcPts val="0"/>
              </a:spcAft>
              <a:buClrTx/>
              <a:buSzTx/>
              <a:tabLst/>
              <a:defRPr/>
            </a:pPr>
            <a:r>
              <a:rPr lang="en-ZA" b="1" i="1" dirty="0">
                <a:solidFill>
                  <a:srgbClr val="03A65A"/>
                </a:solidFill>
                <a:latin typeface="Calibri" panose="020F0502020204030204" pitchFamily="34" charset="0"/>
                <a:ea typeface="Calibri" panose="020F0502020204030204" pitchFamily="34" charset="0"/>
              </a:rPr>
              <a:t>Issue</a:t>
            </a:r>
            <a:r>
              <a:rPr lang="en-ZA" sz="1800" b="1" i="1" dirty="0">
                <a:solidFill>
                  <a:srgbClr val="03A65A"/>
                </a:solidFill>
                <a:effectLst/>
                <a:latin typeface="Calibri" panose="020F0502020204030204" pitchFamily="34" charset="0"/>
                <a:ea typeface="Calibri" panose="020F0502020204030204" pitchFamily="34" charset="0"/>
              </a:rPr>
              <a:t> 3: SARS is not taking responsibility for its actions, such as the identity theft of taxpayer profiles</a:t>
            </a:r>
            <a:r>
              <a:rPr lang="en-ZA" b="1" i="1" dirty="0">
                <a:solidFill>
                  <a:srgbClr val="03A65A"/>
                </a:solidFill>
                <a:latin typeface="Calibri" panose="020F0502020204030204" pitchFamily="34" charset="0"/>
                <a:ea typeface="Calibri" panose="020F0502020204030204" pitchFamily="34" charset="0"/>
              </a:rPr>
              <a:t>.</a:t>
            </a:r>
            <a:endParaRPr lang="en-ZA" sz="1800" b="1" dirty="0">
              <a:solidFill>
                <a:srgbClr val="03A65A"/>
              </a:solidFill>
              <a:effectLst/>
              <a:latin typeface="Calibri" panose="020F0502020204030204" pitchFamily="34" charset="0"/>
              <a:ea typeface="Calibri" panose="020F0502020204030204" pitchFamily="34" charset="0"/>
            </a:endParaRPr>
          </a:p>
          <a:p>
            <a:pPr marL="0" marR="0" lvl="0" indent="0" algn="just" defTabSz="914400" rtl="0" eaLnBrk="1" fontAlgn="auto" latinLnBrk="0" hangingPunct="1">
              <a:lnSpc>
                <a:spcPct val="100000"/>
              </a:lnSpc>
              <a:spcBef>
                <a:spcPts val="0"/>
              </a:spcBef>
              <a:spcAft>
                <a:spcPts val="0"/>
              </a:spcAft>
              <a:buClrTx/>
              <a:buSzTx/>
              <a:buFontTx/>
              <a:buNone/>
              <a:tabLst/>
              <a:defRPr/>
            </a:pPr>
            <a:endParaRPr lang="en-ZA" dirty="0">
              <a:latin typeface="Calibri" panose="020F0502020204030204" pitchFamily="34" charset="0"/>
              <a:ea typeface="Calibri" panose="020F0502020204030204" pitchFamily="34" charset="0"/>
            </a:endParaRPr>
          </a:p>
          <a:p>
            <a:pPr marL="285750" indent="-285750" algn="just">
              <a:buFont typeface="Arial" panose="020B0604020202020204" pitchFamily="34" charset="0"/>
              <a:buChar char="•"/>
              <a:defRPr/>
            </a:pPr>
            <a:r>
              <a:rPr lang="en-ZA" dirty="0">
                <a:ea typeface="Calibri" panose="020F0502020204030204" pitchFamily="34" charset="0"/>
              </a:rPr>
              <a:t>We have heard this allegation from tax practitioners especially in relation to identity theft on </a:t>
            </a:r>
            <a:r>
              <a:rPr lang="en-ZA" dirty="0" err="1">
                <a:ea typeface="Calibri" panose="020F0502020204030204" pitchFamily="34" charset="0"/>
              </a:rPr>
              <a:t>eFiling</a:t>
            </a:r>
            <a:r>
              <a:rPr lang="en-ZA" dirty="0">
                <a:ea typeface="Calibri" panose="020F0502020204030204" pitchFamily="34" charset="0"/>
              </a:rPr>
              <a:t> a while back. </a:t>
            </a:r>
          </a:p>
          <a:p>
            <a:pPr marL="0" marR="0" lvl="0" indent="0" algn="just" defTabSz="914400" rtl="0" eaLnBrk="1" fontAlgn="auto" latinLnBrk="0" hangingPunct="1">
              <a:lnSpc>
                <a:spcPct val="100000"/>
              </a:lnSpc>
              <a:spcBef>
                <a:spcPts val="0"/>
              </a:spcBef>
              <a:spcAft>
                <a:spcPts val="0"/>
              </a:spcAft>
              <a:buClrTx/>
              <a:buSzTx/>
              <a:buFontTx/>
              <a:buNone/>
              <a:tabLst/>
              <a:defRPr/>
            </a:pPr>
            <a:endParaRPr lang="en-ZA" dirty="0">
              <a:ea typeface="Calibri" panose="020F0502020204030204" pitchFamily="34" charset="0"/>
            </a:endParaRPr>
          </a:p>
          <a:p>
            <a:pPr marL="285750" marR="0" lvl="0" indent="-2857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ZA" sz="1800" dirty="0">
                <a:effectLst/>
                <a:ea typeface="Calibri" panose="020F0502020204030204" pitchFamily="34" charset="0"/>
              </a:rPr>
              <a:t>The issue was also </a:t>
            </a:r>
            <a:r>
              <a:rPr lang="en-ZA" sz="1800" dirty="0" smtClean="0">
                <a:effectLst/>
                <a:ea typeface="Calibri" panose="020F0502020204030204" pitchFamily="34" charset="0"/>
              </a:rPr>
              <a:t>raised </a:t>
            </a:r>
            <a:r>
              <a:rPr lang="en-ZA" sz="1800" dirty="0">
                <a:effectLst/>
                <a:ea typeface="Calibri" panose="020F0502020204030204" pitchFamily="34" charset="0"/>
              </a:rPr>
              <a:t>in a SAICA communication to its members. The communication suggested constant engagements between SARS and SAICA on this subject. </a:t>
            </a:r>
            <a:endParaRPr lang="en-ZA" sz="1800" dirty="0" smtClean="0">
              <a:effectLst/>
              <a:ea typeface="Calibri" panose="020F0502020204030204" pitchFamily="34" charset="0"/>
            </a:endParaRPr>
          </a:p>
          <a:p>
            <a:pPr marR="0" lvl="0" algn="just" defTabSz="914400" rtl="0" eaLnBrk="1" fontAlgn="auto" latinLnBrk="0" hangingPunct="1">
              <a:lnSpc>
                <a:spcPct val="100000"/>
              </a:lnSpc>
              <a:spcBef>
                <a:spcPts val="0"/>
              </a:spcBef>
              <a:spcAft>
                <a:spcPts val="0"/>
              </a:spcAft>
              <a:buClrTx/>
              <a:buSzTx/>
              <a:tabLst/>
              <a:defRPr/>
            </a:pPr>
            <a:endParaRPr lang="en-ZA" sz="1800" dirty="0" smtClean="0">
              <a:effectLst/>
              <a:ea typeface="Calibri" panose="020F0502020204030204" pitchFamily="34" charset="0"/>
            </a:endParaRPr>
          </a:p>
          <a:p>
            <a:pPr marL="285750" indent="-285750" algn="just">
              <a:buFont typeface="Arial" panose="020B0604020202020204" pitchFamily="34" charset="0"/>
              <a:buChar char="•"/>
              <a:defRPr/>
            </a:pPr>
            <a:r>
              <a:rPr lang="en-ZA" dirty="0">
                <a:latin typeface="Calibri" panose="020F0502020204030204" pitchFamily="34" charset="0"/>
                <a:ea typeface="Calibri" panose="020F0502020204030204" pitchFamily="34" charset="0"/>
              </a:rPr>
              <a:t>SARS did however on 8 December 2021 </a:t>
            </a:r>
            <a:r>
              <a:rPr lang="en-ZA" dirty="0" smtClean="0">
                <a:latin typeface="Calibri" panose="020F0502020204030204" pitchFamily="34" charset="0"/>
                <a:ea typeface="Calibri" panose="020F0502020204030204" pitchFamily="34" charset="0"/>
              </a:rPr>
              <a:t>issued </a:t>
            </a:r>
            <a:r>
              <a:rPr lang="en-ZA" dirty="0">
                <a:latin typeface="Calibri" panose="020F0502020204030204" pitchFamily="34" charset="0"/>
                <a:ea typeface="Calibri" panose="020F0502020204030204" pitchFamily="34" charset="0"/>
              </a:rPr>
              <a:t>a media statement </a:t>
            </a:r>
            <a:r>
              <a:rPr lang="en-ZA" dirty="0" smtClean="0">
                <a:latin typeface="Calibri" panose="020F0502020204030204" pitchFamily="34" charset="0"/>
                <a:ea typeface="Calibri" panose="020F0502020204030204" pitchFamily="34" charset="0"/>
              </a:rPr>
              <a:t>to say that they were addressing the issue.</a:t>
            </a:r>
            <a:endParaRPr lang="en-ZA" sz="1800" dirty="0">
              <a:effectLst/>
              <a:ea typeface="Calibri" panose="020F0502020204030204" pitchFamily="34" charset="0"/>
            </a:endParaRPr>
          </a:p>
          <a:p>
            <a:pPr marL="285750" marR="0" lvl="0" indent="-2857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lang="en-ZA" dirty="0">
              <a:ea typeface="Calibri" panose="020F0502020204030204" pitchFamily="34" charset="0"/>
            </a:endParaRPr>
          </a:p>
          <a:p>
            <a:pPr marL="285750" marR="0" lvl="0" indent="-2857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ZA" dirty="0">
                <a:ea typeface="Calibri" panose="020F0502020204030204" pitchFamily="34" charset="0"/>
              </a:rPr>
              <a:t>Based on the information available, the OTO did not consider it necessary to conduct further investigation into the allegations as a systemic issue, but if </a:t>
            </a:r>
            <a:r>
              <a:rPr lang="en-ZA" dirty="0" smtClean="0">
                <a:ea typeface="Calibri" panose="020F0502020204030204" pitchFamily="34" charset="0"/>
              </a:rPr>
              <a:t>OTO </a:t>
            </a:r>
            <a:r>
              <a:rPr lang="en-ZA" dirty="0">
                <a:ea typeface="Calibri" panose="020F0502020204030204" pitchFamily="34" charset="0"/>
              </a:rPr>
              <a:t>can receive more information that it impacts taxpayers negatively, </a:t>
            </a:r>
            <a:r>
              <a:rPr lang="en-ZA" dirty="0" smtClean="0">
                <a:ea typeface="Calibri" panose="020F0502020204030204" pitchFamily="34" charset="0"/>
              </a:rPr>
              <a:t>OTO </a:t>
            </a:r>
            <a:r>
              <a:rPr lang="en-ZA" dirty="0">
                <a:ea typeface="Calibri" panose="020F0502020204030204" pitchFamily="34" charset="0"/>
              </a:rPr>
              <a:t>could conduct a systemic investigation. </a:t>
            </a:r>
            <a:endParaRPr lang="en-ZA" sz="1800" dirty="0">
              <a:effectLst/>
              <a:ea typeface="Calibri" panose="020F050202020403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ZA" i="0" u="none" strike="noStrike" kern="1200" cap="none" spc="0" normalizeH="0" baseline="0" noProof="0" dirty="0">
              <a:ln>
                <a:noFill/>
              </a:ln>
              <a:uLnTx/>
              <a:uFillTx/>
              <a:latin typeface="Calibri" panose="020F0502020204030204" pitchFamily="34" charset="0"/>
              <a:cs typeface="Arial" panose="020B0604020202020204" pitchFamily="34" charset="0"/>
            </a:endParaRPr>
          </a:p>
        </p:txBody>
      </p:sp>
      <p:sp>
        <p:nvSpPr>
          <p:cNvPr id="2" name="Slide Number Placeholder 1"/>
          <p:cNvSpPr>
            <a:spLocks noGrp="1"/>
          </p:cNvSpPr>
          <p:nvPr>
            <p:ph type="sldNum" sz="quarter" idx="12"/>
          </p:nvPr>
        </p:nvSpPr>
        <p:spPr/>
        <p:txBody>
          <a:bodyPr/>
          <a:lstStyle/>
          <a:p>
            <a:fld id="{BCCA197E-0889-4A4B-9EF4-38D9D114EE3E}" type="slidenum">
              <a:rPr lang="en-US" smtClean="0"/>
              <a:t>7</a:t>
            </a:fld>
            <a:endParaRPr lang="en-US"/>
          </a:p>
        </p:txBody>
      </p:sp>
    </p:spTree>
    <p:extLst>
      <p:ext uri="{BB962C8B-B14F-4D97-AF65-F5344CB8AC3E}">
        <p14:creationId xmlns:p14="http://schemas.microsoft.com/office/powerpoint/2010/main" val="3797320873"/>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5" y="5048472"/>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310592"/>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a:extLst>
              <a:ext uri="{FF2B5EF4-FFF2-40B4-BE49-F238E27FC236}">
                <a16:creationId xmlns:a16="http://schemas.microsoft.com/office/drawing/2014/main" id="{F5F16F7F-E04F-ED48-AC9C-E15AFDF503D8}"/>
              </a:ext>
            </a:extLst>
          </p:cNvPr>
          <p:cNvSpPr/>
          <p:nvPr/>
        </p:nvSpPr>
        <p:spPr>
          <a:xfrm>
            <a:off x="3785685" y="6317672"/>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ectangle 30">
            <a:extLst>
              <a:ext uri="{FF2B5EF4-FFF2-40B4-BE49-F238E27FC236}">
                <a16:creationId xmlns:a16="http://schemas.microsoft.com/office/drawing/2014/main" id="{A2BFB17E-0AE3-F244-97A0-E41F804F4DB4}"/>
              </a:ext>
            </a:extLst>
          </p:cNvPr>
          <p:cNvSpPr/>
          <p:nvPr/>
        </p:nvSpPr>
        <p:spPr>
          <a:xfrm>
            <a:off x="7407564" y="6317672"/>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7" name="Picture 16" descr="Calendar&#10;&#10;Description automatically generated">
            <a:extLst>
              <a:ext uri="{FF2B5EF4-FFF2-40B4-BE49-F238E27FC236}">
                <a16:creationId xmlns:a16="http://schemas.microsoft.com/office/drawing/2014/main" id="{A05954BD-1CD7-AB4F-9543-3CC05405FC8C}"/>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r="-14246"/>
          <a:stretch/>
        </p:blipFill>
        <p:spPr>
          <a:xfrm>
            <a:off x="9876751" y="6252460"/>
            <a:ext cx="1234593" cy="893948"/>
          </a:xfrm>
          <a:prstGeom prst="rect">
            <a:avLst/>
          </a:prstGeom>
        </p:spPr>
      </p:pic>
      <p:sp>
        <p:nvSpPr>
          <p:cNvPr id="20" name="Rectangle 19">
            <a:extLst>
              <a:ext uri="{FF2B5EF4-FFF2-40B4-BE49-F238E27FC236}">
                <a16:creationId xmlns:a16="http://schemas.microsoft.com/office/drawing/2014/main" id="{059A97C7-0596-744F-88A9-2508EF199C4C}"/>
              </a:ext>
            </a:extLst>
          </p:cNvPr>
          <p:cNvSpPr/>
          <p:nvPr/>
        </p:nvSpPr>
        <p:spPr>
          <a:xfrm>
            <a:off x="6221239" y="6317672"/>
            <a:ext cx="1080655" cy="1080655"/>
          </a:xfrm>
          <a:prstGeom prst="rect">
            <a:avLst/>
          </a:prstGeom>
          <a:solidFill>
            <a:srgbClr val="85BF4B">
              <a:alpha val="7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a:extLst>
              <a:ext uri="{FF2B5EF4-FFF2-40B4-BE49-F238E27FC236}">
                <a16:creationId xmlns:a16="http://schemas.microsoft.com/office/drawing/2014/main" id="{662124C2-8C56-344A-8D6F-93B100047492}"/>
              </a:ext>
            </a:extLst>
          </p:cNvPr>
          <p:cNvSpPr/>
          <p:nvPr/>
        </p:nvSpPr>
        <p:spPr>
          <a:xfrm>
            <a:off x="11111345" y="5019406"/>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a:extLst>
              <a:ext uri="{FF2B5EF4-FFF2-40B4-BE49-F238E27FC236}">
                <a16:creationId xmlns:a16="http://schemas.microsoft.com/office/drawing/2014/main" id="{AE83248E-29DE-5549-891E-6F40E39378D7}"/>
              </a:ext>
            </a:extLst>
          </p:cNvPr>
          <p:cNvSpPr/>
          <p:nvPr/>
        </p:nvSpPr>
        <p:spPr>
          <a:xfrm>
            <a:off x="8642158" y="6252461"/>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a:extLst>
              <a:ext uri="{FF2B5EF4-FFF2-40B4-BE49-F238E27FC236}">
                <a16:creationId xmlns:a16="http://schemas.microsoft.com/office/drawing/2014/main" id="{6566F63D-6E54-D746-98F5-642EA02E164F}"/>
              </a:ext>
            </a:extLst>
          </p:cNvPr>
          <p:cNvSpPr/>
          <p:nvPr/>
        </p:nvSpPr>
        <p:spPr>
          <a:xfrm>
            <a:off x="9876752" y="6252461"/>
            <a:ext cx="1080655" cy="1080655"/>
          </a:xfrm>
          <a:prstGeom prst="rect">
            <a:avLst/>
          </a:prstGeom>
          <a:solidFill>
            <a:srgbClr val="D3D936">
              <a:alpha val="7531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a:extLst>
              <a:ext uri="{FF2B5EF4-FFF2-40B4-BE49-F238E27FC236}">
                <a16:creationId xmlns:a16="http://schemas.microsoft.com/office/drawing/2014/main" id="{30186384-33E1-0C4E-8971-CC64DCF9BD4F}"/>
              </a:ext>
            </a:extLst>
          </p:cNvPr>
          <p:cNvSpPr/>
          <p:nvPr/>
        </p:nvSpPr>
        <p:spPr>
          <a:xfrm>
            <a:off x="11111345"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Rectangle 25">
            <a:extLst>
              <a:ext uri="{FF2B5EF4-FFF2-40B4-BE49-F238E27FC236}">
                <a16:creationId xmlns:a16="http://schemas.microsoft.com/office/drawing/2014/main" id="{94310C97-8953-F548-93E1-7760FF1825FA}"/>
              </a:ext>
            </a:extLst>
          </p:cNvPr>
          <p:cNvSpPr/>
          <p:nvPr/>
        </p:nvSpPr>
        <p:spPr>
          <a:xfrm>
            <a:off x="2546149" y="6317672"/>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a:extLst>
              <a:ext uri="{FF2B5EF4-FFF2-40B4-BE49-F238E27FC236}">
                <a16:creationId xmlns:a16="http://schemas.microsoft.com/office/drawing/2014/main" id="{68CF9F7C-197F-394C-92C9-3A77AF39A080}"/>
              </a:ext>
            </a:extLst>
          </p:cNvPr>
          <p:cNvSpPr/>
          <p:nvPr/>
        </p:nvSpPr>
        <p:spPr>
          <a:xfrm>
            <a:off x="5051110" y="6310591"/>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a:extLst>
              <a:ext uri="{FF2B5EF4-FFF2-40B4-BE49-F238E27FC236}">
                <a16:creationId xmlns:a16="http://schemas.microsoft.com/office/drawing/2014/main" id="{F6FA955F-1847-3941-BEA3-F5BCD8623A57}"/>
              </a:ext>
            </a:extLst>
          </p:cNvPr>
          <p:cNvSpPr/>
          <p:nvPr/>
        </p:nvSpPr>
        <p:spPr>
          <a:xfrm>
            <a:off x="1234587" y="6317672"/>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TextBox 26">
            <a:extLst>
              <a:ext uri="{FF2B5EF4-FFF2-40B4-BE49-F238E27FC236}">
                <a16:creationId xmlns:a16="http://schemas.microsoft.com/office/drawing/2014/main" id="{F2D926B1-3497-4A23-9F05-112C1E4676BD}"/>
              </a:ext>
            </a:extLst>
          </p:cNvPr>
          <p:cNvSpPr txBox="1"/>
          <p:nvPr/>
        </p:nvSpPr>
        <p:spPr>
          <a:xfrm>
            <a:off x="1273071" y="444482"/>
            <a:ext cx="9684336" cy="5355312"/>
          </a:xfrm>
          <a:prstGeom prst="rect">
            <a:avLst/>
          </a:prstGeom>
          <a:noFill/>
        </p:spPr>
        <p:txBody>
          <a:bodyPr wrap="square">
            <a:spAutoFit/>
          </a:bodyPr>
          <a:lstStyle/>
          <a:p>
            <a:pPr marR="0" lvl="0" algn="l" defTabSz="914400" rtl="0" eaLnBrk="1" fontAlgn="auto" latinLnBrk="0" hangingPunct="1">
              <a:lnSpc>
                <a:spcPct val="100000"/>
              </a:lnSpc>
              <a:spcBef>
                <a:spcPts val="0"/>
              </a:spcBef>
              <a:spcAft>
                <a:spcPts val="0"/>
              </a:spcAft>
              <a:buClrTx/>
              <a:buSzTx/>
              <a:tabLst/>
              <a:defRPr/>
            </a:pPr>
            <a:r>
              <a:rPr lang="en-ZA" sz="1800" b="1" i="1" dirty="0">
                <a:solidFill>
                  <a:srgbClr val="03A65A"/>
                </a:solidFill>
                <a:effectLst/>
                <a:latin typeface="Calibri" panose="020F0502020204030204" pitchFamily="34" charset="0"/>
                <a:ea typeface="Calibri" panose="020F0502020204030204" pitchFamily="34" charset="0"/>
              </a:rPr>
              <a:t>Issue 4: SARS’ conduct during VAT audits such as withholding VAT and diesel refunds violate taxpayers’ rights.</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lang="en-ZA" dirty="0">
              <a:latin typeface="Calibri" panose="020F0502020204030204" pitchFamily="34" charset="0"/>
              <a:ea typeface="Calibri" panose="020F0502020204030204" pitchFamily="34" charset="0"/>
            </a:endParaRPr>
          </a:p>
          <a:p>
            <a:pPr marR="0" lvl="0" algn="just" defTabSz="914400" rtl="0" eaLnBrk="1" fontAlgn="auto" latinLnBrk="0" hangingPunct="1">
              <a:lnSpc>
                <a:spcPct val="100000"/>
              </a:lnSpc>
              <a:spcBef>
                <a:spcPts val="0"/>
              </a:spcBef>
              <a:spcAft>
                <a:spcPts val="0"/>
              </a:spcAft>
              <a:buClrTx/>
              <a:buSzTx/>
              <a:tabLst/>
              <a:defRPr/>
            </a:pPr>
            <a:r>
              <a:rPr lang="en-ZA" sz="1800" dirty="0">
                <a:effectLst/>
                <a:ea typeface="Calibri" panose="020F0502020204030204" pitchFamily="34" charset="0"/>
              </a:rPr>
              <a:t>The OTO is unfortunately </a:t>
            </a:r>
            <a:r>
              <a:rPr lang="en-ZA" dirty="0">
                <a:ea typeface="Calibri" panose="020F0502020204030204" pitchFamily="34" charset="0"/>
              </a:rPr>
              <a:t>aware of this happening and has repeatedly raised this issue with SARS. </a:t>
            </a:r>
          </a:p>
          <a:p>
            <a:pPr marR="0" lvl="0" algn="just" defTabSz="914400" rtl="0" eaLnBrk="1" fontAlgn="auto" latinLnBrk="0" hangingPunct="1">
              <a:lnSpc>
                <a:spcPct val="100000"/>
              </a:lnSpc>
              <a:spcBef>
                <a:spcPts val="0"/>
              </a:spcBef>
              <a:spcAft>
                <a:spcPts val="0"/>
              </a:spcAft>
              <a:buClrTx/>
              <a:buSzTx/>
              <a:tabLst/>
              <a:defRPr/>
            </a:pPr>
            <a:endParaRPr lang="en-ZA" sz="1800" dirty="0" smtClean="0">
              <a:effectLst/>
              <a:ea typeface="Calibri" panose="020F0502020204030204" pitchFamily="34" charset="0"/>
            </a:endParaRPr>
          </a:p>
          <a:p>
            <a:pPr marR="0" lvl="0" algn="just" defTabSz="914400" rtl="0" eaLnBrk="1" fontAlgn="auto" latinLnBrk="0" hangingPunct="1">
              <a:lnSpc>
                <a:spcPct val="100000"/>
              </a:lnSpc>
              <a:spcBef>
                <a:spcPts val="0"/>
              </a:spcBef>
              <a:spcAft>
                <a:spcPts val="0"/>
              </a:spcAft>
              <a:buClrTx/>
              <a:buSzTx/>
              <a:tabLst/>
              <a:defRPr/>
            </a:pPr>
            <a:r>
              <a:rPr lang="en-ZA" dirty="0" smtClean="0">
                <a:ea typeface="Calibri" panose="020F0502020204030204" pitchFamily="34" charset="0"/>
              </a:rPr>
              <a:t>For example:</a:t>
            </a:r>
            <a:endParaRPr lang="en-ZA" sz="1800" dirty="0">
              <a:effectLst/>
              <a:ea typeface="Calibri" panose="020F0502020204030204" pitchFamily="34" charset="0"/>
            </a:endParaRPr>
          </a:p>
          <a:p>
            <a:pPr marL="285750" marR="0" lvl="0" indent="-2857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ZA" sz="1800" dirty="0">
                <a:effectLst/>
                <a:ea typeface="Calibri" panose="020F0502020204030204" pitchFamily="34" charset="0"/>
              </a:rPr>
              <a:t>SARS conducts audits on VAT and would </a:t>
            </a:r>
            <a:r>
              <a:rPr lang="en-ZA" dirty="0">
                <a:ea typeface="Calibri" panose="020F0502020204030204" pitchFamily="34" charset="0"/>
              </a:rPr>
              <a:t>wrongfully</a:t>
            </a:r>
            <a:r>
              <a:rPr lang="en-ZA" sz="1800" dirty="0">
                <a:effectLst/>
                <a:ea typeface="Calibri" panose="020F0502020204030204" pitchFamily="34" charset="0"/>
              </a:rPr>
              <a:t> withhold refunds on periods that do not fall under the audit. </a:t>
            </a:r>
          </a:p>
          <a:p>
            <a:pPr marL="285750" marR="0" lvl="0" indent="-2857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ZA" dirty="0">
                <a:ea typeface="Calibri" panose="020F0502020204030204" pitchFamily="34" charset="0"/>
              </a:rPr>
              <a:t>W</a:t>
            </a:r>
            <a:r>
              <a:rPr lang="en-ZA" sz="1800" dirty="0">
                <a:effectLst/>
                <a:ea typeface="Calibri" panose="020F0502020204030204" pitchFamily="34" charset="0"/>
              </a:rPr>
              <a:t>hen taxpayers complain about its </a:t>
            </a:r>
            <a:r>
              <a:rPr lang="en-ZA" sz="1800" dirty="0" smtClean="0">
                <a:effectLst/>
                <a:ea typeface="Calibri" panose="020F0502020204030204" pitchFamily="34" charset="0"/>
              </a:rPr>
              <a:t>actions, </a:t>
            </a:r>
            <a:r>
              <a:rPr lang="en-ZA" sz="1800" dirty="0">
                <a:effectLst/>
                <a:ea typeface="Calibri" panose="020F0502020204030204" pitchFamily="34" charset="0"/>
              </a:rPr>
              <a:t>SARS </a:t>
            </a:r>
            <a:r>
              <a:rPr lang="en-ZA" sz="1800" dirty="0" smtClean="0">
                <a:effectLst/>
                <a:ea typeface="Calibri" panose="020F0502020204030204" pitchFamily="34" charset="0"/>
              </a:rPr>
              <a:t>would extend </a:t>
            </a:r>
            <a:r>
              <a:rPr lang="en-ZA" sz="1800" dirty="0">
                <a:effectLst/>
                <a:ea typeface="Calibri" panose="020F0502020204030204" pitchFamily="34" charset="0"/>
              </a:rPr>
              <a:t>the scope of the audit to include the VAT periods that were not </a:t>
            </a:r>
            <a:r>
              <a:rPr lang="en-ZA" sz="1800" dirty="0" smtClean="0">
                <a:effectLst/>
                <a:ea typeface="Calibri" panose="020F0502020204030204" pitchFamily="34" charset="0"/>
              </a:rPr>
              <a:t>covered </a:t>
            </a:r>
            <a:r>
              <a:rPr lang="en-ZA" sz="1800" dirty="0">
                <a:effectLst/>
                <a:ea typeface="Calibri" panose="020F0502020204030204" pitchFamily="34" charset="0"/>
              </a:rPr>
              <a:t>in </a:t>
            </a:r>
            <a:r>
              <a:rPr lang="en-ZA" sz="1800" dirty="0" smtClean="0">
                <a:effectLst/>
                <a:ea typeface="Calibri" panose="020F0502020204030204" pitchFamily="34" charset="0"/>
              </a:rPr>
              <a:t>the initial audit; this would be an attempt by SARS to remedy its </a:t>
            </a:r>
            <a:r>
              <a:rPr lang="en-ZA" sz="1800" dirty="0">
                <a:effectLst/>
                <a:ea typeface="Calibri" panose="020F0502020204030204" pitchFamily="34" charset="0"/>
              </a:rPr>
              <a:t>non-compliance with the law. </a:t>
            </a:r>
          </a:p>
          <a:p>
            <a:pPr marL="285750" marR="0" lvl="0" indent="-2857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ZA" dirty="0" smtClean="0">
                <a:ea typeface="Calibri" panose="020F0502020204030204" pitchFamily="34" charset="0"/>
              </a:rPr>
              <a:t>In one of the cases received by the OTO,  </a:t>
            </a:r>
            <a:r>
              <a:rPr lang="en-ZA" sz="1800" dirty="0" smtClean="0">
                <a:effectLst/>
                <a:ea typeface="Calibri" panose="020F0502020204030204" pitchFamily="34" charset="0"/>
              </a:rPr>
              <a:t>SARS took almost </a:t>
            </a:r>
            <a:r>
              <a:rPr lang="en-ZA" sz="1800" dirty="0">
                <a:effectLst/>
                <a:ea typeface="Calibri" panose="020F0502020204030204" pitchFamily="34" charset="0"/>
              </a:rPr>
              <a:t>two years to finalise the audit </a:t>
            </a:r>
            <a:r>
              <a:rPr lang="en-ZA" dirty="0" smtClean="0">
                <a:ea typeface="Calibri" panose="020F0502020204030204" pitchFamily="34" charset="0"/>
              </a:rPr>
              <a:t>while</a:t>
            </a:r>
            <a:r>
              <a:rPr lang="en-ZA" sz="1800" dirty="0" smtClean="0">
                <a:effectLst/>
                <a:ea typeface="Calibri" panose="020F0502020204030204" pitchFamily="34" charset="0"/>
              </a:rPr>
              <a:t> withholding </a:t>
            </a:r>
            <a:r>
              <a:rPr lang="en-ZA" sz="1800" dirty="0">
                <a:effectLst/>
                <a:ea typeface="Calibri" panose="020F0502020204030204" pitchFamily="34" charset="0"/>
              </a:rPr>
              <a:t>refunds in excess of R70 million. </a:t>
            </a:r>
            <a:r>
              <a:rPr lang="en-ZA" sz="1800" dirty="0" smtClean="0">
                <a:effectLst/>
                <a:ea typeface="Calibri" panose="020F0502020204030204" pitchFamily="34" charset="0"/>
              </a:rPr>
              <a:t>SARS </a:t>
            </a:r>
            <a:r>
              <a:rPr lang="en-ZA" sz="1800" dirty="0">
                <a:effectLst/>
                <a:ea typeface="Calibri" panose="020F0502020204030204" pitchFamily="34" charset="0"/>
              </a:rPr>
              <a:t>only revised assessments to the value of R1,6 million and paid more that R6 million in interest on the delayed refunds. </a:t>
            </a:r>
            <a:r>
              <a:rPr lang="en-ZA" sz="1800" dirty="0" smtClean="0">
                <a:effectLst/>
                <a:ea typeface="Calibri" panose="020F0502020204030204" pitchFamily="34" charset="0"/>
              </a:rPr>
              <a:t> SARS </a:t>
            </a:r>
            <a:r>
              <a:rPr lang="en-ZA" sz="1800" dirty="0">
                <a:effectLst/>
                <a:ea typeface="Calibri" panose="020F0502020204030204" pitchFamily="34" charset="0"/>
              </a:rPr>
              <a:t>never responded to the OTO’s </a:t>
            </a:r>
            <a:r>
              <a:rPr lang="en-ZA" sz="1800" dirty="0" smtClean="0">
                <a:effectLst/>
                <a:ea typeface="Calibri" panose="020F0502020204030204" pitchFamily="34" charset="0"/>
              </a:rPr>
              <a:t>request for </a:t>
            </a:r>
            <a:r>
              <a:rPr lang="en-ZA" sz="1800" dirty="0">
                <a:effectLst/>
                <a:ea typeface="Calibri" panose="020F0502020204030204" pitchFamily="34" charset="0"/>
              </a:rPr>
              <a:t>a legal basis on which it could withhold refunds for periods not under audit and simply extended the scope </a:t>
            </a:r>
            <a:r>
              <a:rPr lang="en-ZA" sz="1800" dirty="0" smtClean="0">
                <a:effectLst/>
                <a:ea typeface="Calibri" panose="020F0502020204030204" pitchFamily="34" charset="0"/>
              </a:rPr>
              <a:t>when the OTO </a:t>
            </a:r>
            <a:r>
              <a:rPr lang="en-ZA" sz="1800" dirty="0">
                <a:effectLst/>
                <a:ea typeface="Calibri" panose="020F0502020204030204" pitchFamily="34" charset="0"/>
              </a:rPr>
              <a:t>raised the issue. </a:t>
            </a:r>
          </a:p>
          <a:p>
            <a:pPr marL="285750" lvl="0" indent="-285750" algn="just">
              <a:buFont typeface="Arial" panose="020B0604020202020204" pitchFamily="34" charset="0"/>
              <a:buChar char="•"/>
              <a:defRPr/>
            </a:pPr>
            <a:r>
              <a:rPr lang="en-ZA" dirty="0" smtClean="0">
                <a:ea typeface="Calibri" panose="020F0502020204030204" pitchFamily="34" charset="0"/>
              </a:rPr>
              <a:t>This modus </a:t>
            </a:r>
            <a:r>
              <a:rPr lang="en-ZA" sz="1800" dirty="0">
                <a:effectLst/>
                <a:ea typeface="Calibri" panose="020F0502020204030204" pitchFamily="34" charset="0"/>
              </a:rPr>
              <a:t>operandi was criticised in the Judgement issued against SARS in </a:t>
            </a:r>
            <a:r>
              <a:rPr lang="en-ZA" sz="1800" i="1" dirty="0">
                <a:effectLst/>
                <a:ea typeface="Calibri" panose="020F0502020204030204" pitchFamily="34" charset="0"/>
              </a:rPr>
              <a:t>Rappa Resources PTY Ltd v CSARS </a:t>
            </a:r>
            <a:r>
              <a:rPr lang="en-ZA" sz="1800" dirty="0">
                <a:effectLst/>
                <a:ea typeface="Calibri" panose="020F0502020204030204" pitchFamily="34" charset="0"/>
              </a:rPr>
              <a:t>20/18875 ZAGPPHC. The Court noted expressly this action by SARS cannot be condoned. </a:t>
            </a:r>
            <a:endParaRPr kumimoji="0" lang="en-US" i="0" u="none" strike="noStrike" kern="1200" cap="none" spc="0" normalizeH="0" baseline="0" noProof="0" dirty="0">
              <a:ln>
                <a:noFill/>
              </a:ln>
              <a:effectLst/>
              <a:uLnTx/>
              <a:uFillTx/>
              <a:cs typeface="Arial" panose="020B0604020202020204" pitchFamily="34" charset="0"/>
            </a:endParaRPr>
          </a:p>
        </p:txBody>
      </p:sp>
      <p:sp>
        <p:nvSpPr>
          <p:cNvPr id="2" name="Slide Number Placeholder 1"/>
          <p:cNvSpPr>
            <a:spLocks noGrp="1"/>
          </p:cNvSpPr>
          <p:nvPr>
            <p:ph type="sldNum" sz="quarter" idx="12"/>
          </p:nvPr>
        </p:nvSpPr>
        <p:spPr/>
        <p:txBody>
          <a:bodyPr/>
          <a:lstStyle/>
          <a:p>
            <a:fld id="{BCCA197E-0889-4A4B-9EF4-38D9D114EE3E}" type="slidenum">
              <a:rPr lang="en-US" smtClean="0"/>
              <a:t>8</a:t>
            </a:fld>
            <a:endParaRPr lang="en-US"/>
          </a:p>
        </p:txBody>
      </p:sp>
    </p:spTree>
    <p:extLst>
      <p:ext uri="{BB962C8B-B14F-4D97-AF65-F5344CB8AC3E}">
        <p14:creationId xmlns:p14="http://schemas.microsoft.com/office/powerpoint/2010/main" val="161352395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a:extLst>
              <a:ext uri="{FF2B5EF4-FFF2-40B4-BE49-F238E27FC236}">
                <a16:creationId xmlns:a16="http://schemas.microsoft.com/office/drawing/2014/main" id="{5A422A46-DBD2-E441-8DAD-9F28B211A9DE}"/>
              </a:ext>
            </a:extLst>
          </p:cNvPr>
          <p:cNvSpPr/>
          <p:nvPr/>
        </p:nvSpPr>
        <p:spPr>
          <a:xfrm>
            <a:off x="-5" y="-8"/>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a:extLst>
              <a:ext uri="{FF2B5EF4-FFF2-40B4-BE49-F238E27FC236}">
                <a16:creationId xmlns:a16="http://schemas.microsoft.com/office/drawing/2014/main" id="{F40CEE9B-CBA9-AC41-8501-05A579476DCD}"/>
              </a:ext>
            </a:extLst>
          </p:cNvPr>
          <p:cNvSpPr/>
          <p:nvPr/>
        </p:nvSpPr>
        <p:spPr>
          <a:xfrm>
            <a:off x="-5" y="1262112"/>
            <a:ext cx="1080655" cy="1080655"/>
          </a:xfrm>
          <a:prstGeom prst="rect">
            <a:avLst/>
          </a:prstGeom>
          <a:solidFill>
            <a:srgbClr val="85BF4B"/>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8281D74-37DE-1F49-908F-04A56397A84E}"/>
              </a:ext>
            </a:extLst>
          </p:cNvPr>
          <p:cNvSpPr/>
          <p:nvPr/>
        </p:nvSpPr>
        <p:spPr>
          <a:xfrm>
            <a:off x="-5" y="2524232"/>
            <a:ext cx="1080655" cy="1080655"/>
          </a:xfrm>
          <a:prstGeom prst="rect">
            <a:avLst/>
          </a:prstGeom>
          <a:solidFill>
            <a:srgbClr val="D3D936"/>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a:extLst>
              <a:ext uri="{FF2B5EF4-FFF2-40B4-BE49-F238E27FC236}">
                <a16:creationId xmlns:a16="http://schemas.microsoft.com/office/drawing/2014/main" id="{E6598A16-7AD5-6A4A-9AF5-7BFBD3DE5CB6}"/>
              </a:ext>
            </a:extLst>
          </p:cNvPr>
          <p:cNvSpPr/>
          <p:nvPr/>
        </p:nvSpPr>
        <p:spPr>
          <a:xfrm>
            <a:off x="-5" y="3786352"/>
            <a:ext cx="1080655" cy="1080655"/>
          </a:xfrm>
          <a:prstGeom prst="rect">
            <a:avLst/>
          </a:prstGeom>
          <a:solidFill>
            <a:srgbClr val="292759"/>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a:extLst>
              <a:ext uri="{FF2B5EF4-FFF2-40B4-BE49-F238E27FC236}">
                <a16:creationId xmlns:a16="http://schemas.microsoft.com/office/drawing/2014/main" id="{666573E4-6506-9D41-AD39-4A0F3A43BA54}"/>
              </a:ext>
            </a:extLst>
          </p:cNvPr>
          <p:cNvSpPr/>
          <p:nvPr/>
        </p:nvSpPr>
        <p:spPr>
          <a:xfrm>
            <a:off x="-5" y="5009696"/>
            <a:ext cx="1080655" cy="1080655"/>
          </a:xfrm>
          <a:prstGeom prst="rect">
            <a:avLst/>
          </a:prstGeom>
          <a:solidFill>
            <a:srgbClr val="36ABD9">
              <a:alpha val="75331"/>
            </a:srgb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4" name="Rectangle 103">
            <a:extLst>
              <a:ext uri="{FF2B5EF4-FFF2-40B4-BE49-F238E27FC236}">
                <a16:creationId xmlns:a16="http://schemas.microsoft.com/office/drawing/2014/main" id="{5BBFC541-7B80-F84F-B183-93E4EA0D3C5F}"/>
              </a:ext>
            </a:extLst>
          </p:cNvPr>
          <p:cNvSpPr/>
          <p:nvPr/>
        </p:nvSpPr>
        <p:spPr>
          <a:xfrm>
            <a:off x="-5" y="6252460"/>
            <a:ext cx="1080655" cy="1080655"/>
          </a:xfrm>
          <a:prstGeom prst="rect">
            <a:avLst/>
          </a:prstGeom>
          <a:solidFill>
            <a:srgbClr val="03A65A"/>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a:extLst>
              <a:ext uri="{FF2B5EF4-FFF2-40B4-BE49-F238E27FC236}">
                <a16:creationId xmlns:a16="http://schemas.microsoft.com/office/drawing/2014/main" id="{F5F16F7F-E04F-ED48-AC9C-E15AFDF503D8}"/>
              </a:ext>
            </a:extLst>
          </p:cNvPr>
          <p:cNvSpPr/>
          <p:nvPr/>
        </p:nvSpPr>
        <p:spPr>
          <a:xfrm>
            <a:off x="3768385" y="6242692"/>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ectangle 30">
            <a:extLst>
              <a:ext uri="{FF2B5EF4-FFF2-40B4-BE49-F238E27FC236}">
                <a16:creationId xmlns:a16="http://schemas.microsoft.com/office/drawing/2014/main" id="{A2BFB17E-0AE3-F244-97A0-E41F804F4DB4}"/>
              </a:ext>
            </a:extLst>
          </p:cNvPr>
          <p:cNvSpPr/>
          <p:nvPr/>
        </p:nvSpPr>
        <p:spPr>
          <a:xfrm>
            <a:off x="7407564"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7" name="Picture 16" descr="Calendar&#10;&#10;Description automatically generated">
            <a:extLst>
              <a:ext uri="{FF2B5EF4-FFF2-40B4-BE49-F238E27FC236}">
                <a16:creationId xmlns:a16="http://schemas.microsoft.com/office/drawing/2014/main" id="{A05954BD-1CD7-AB4F-9543-3CC05405FC8C}"/>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r="-14246"/>
          <a:stretch/>
        </p:blipFill>
        <p:spPr>
          <a:xfrm>
            <a:off x="9876751" y="6252460"/>
            <a:ext cx="1234593" cy="893948"/>
          </a:xfrm>
          <a:prstGeom prst="rect">
            <a:avLst/>
          </a:prstGeom>
        </p:spPr>
      </p:pic>
      <p:sp>
        <p:nvSpPr>
          <p:cNvPr id="21" name="Rectangle 20">
            <a:extLst>
              <a:ext uri="{FF2B5EF4-FFF2-40B4-BE49-F238E27FC236}">
                <a16:creationId xmlns:a16="http://schemas.microsoft.com/office/drawing/2014/main" id="{662124C2-8C56-344A-8D6F-93B100047492}"/>
              </a:ext>
            </a:extLst>
          </p:cNvPr>
          <p:cNvSpPr/>
          <p:nvPr/>
        </p:nvSpPr>
        <p:spPr>
          <a:xfrm>
            <a:off x="11111345" y="5009696"/>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a:extLst>
              <a:ext uri="{FF2B5EF4-FFF2-40B4-BE49-F238E27FC236}">
                <a16:creationId xmlns:a16="http://schemas.microsoft.com/office/drawing/2014/main" id="{AE83248E-29DE-5549-891E-6F40E39378D7}"/>
              </a:ext>
            </a:extLst>
          </p:cNvPr>
          <p:cNvSpPr/>
          <p:nvPr/>
        </p:nvSpPr>
        <p:spPr>
          <a:xfrm>
            <a:off x="8642158" y="6252460"/>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a:extLst>
              <a:ext uri="{FF2B5EF4-FFF2-40B4-BE49-F238E27FC236}">
                <a16:creationId xmlns:a16="http://schemas.microsoft.com/office/drawing/2014/main" id="{6566F63D-6E54-D746-98F5-642EA02E164F}"/>
              </a:ext>
            </a:extLst>
          </p:cNvPr>
          <p:cNvSpPr/>
          <p:nvPr/>
        </p:nvSpPr>
        <p:spPr>
          <a:xfrm>
            <a:off x="9876752" y="6252460"/>
            <a:ext cx="1080655" cy="1080655"/>
          </a:xfrm>
          <a:prstGeom prst="rect">
            <a:avLst/>
          </a:prstGeom>
          <a:solidFill>
            <a:srgbClr val="D3D936">
              <a:alpha val="75318"/>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a:extLst>
              <a:ext uri="{FF2B5EF4-FFF2-40B4-BE49-F238E27FC236}">
                <a16:creationId xmlns:a16="http://schemas.microsoft.com/office/drawing/2014/main" id="{30186384-33E1-0C4E-8971-CC64DCF9BD4F}"/>
              </a:ext>
            </a:extLst>
          </p:cNvPr>
          <p:cNvSpPr/>
          <p:nvPr/>
        </p:nvSpPr>
        <p:spPr>
          <a:xfrm>
            <a:off x="11111345" y="6252460"/>
            <a:ext cx="1080655" cy="1080655"/>
          </a:xfrm>
          <a:prstGeom prst="rect">
            <a:avLst/>
          </a:prstGeom>
          <a:solidFill>
            <a:srgbClr val="29275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Rectangle 25">
            <a:extLst>
              <a:ext uri="{FF2B5EF4-FFF2-40B4-BE49-F238E27FC236}">
                <a16:creationId xmlns:a16="http://schemas.microsoft.com/office/drawing/2014/main" id="{94310C97-8953-F548-93E1-7760FF1825FA}"/>
              </a:ext>
            </a:extLst>
          </p:cNvPr>
          <p:cNvSpPr/>
          <p:nvPr/>
        </p:nvSpPr>
        <p:spPr>
          <a:xfrm>
            <a:off x="6172972" y="6252460"/>
            <a:ext cx="1080655" cy="1080655"/>
          </a:xfrm>
          <a:prstGeom prst="rect">
            <a:avLst/>
          </a:prstGeom>
          <a:solidFill>
            <a:srgbClr val="36ABD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a:extLst>
              <a:ext uri="{FF2B5EF4-FFF2-40B4-BE49-F238E27FC236}">
                <a16:creationId xmlns:a16="http://schemas.microsoft.com/office/drawing/2014/main" id="{68CF9F7C-197F-394C-92C9-3A77AF39A080}"/>
              </a:ext>
            </a:extLst>
          </p:cNvPr>
          <p:cNvSpPr/>
          <p:nvPr/>
        </p:nvSpPr>
        <p:spPr>
          <a:xfrm>
            <a:off x="4947041" y="6242691"/>
            <a:ext cx="1080655" cy="1080655"/>
          </a:xfrm>
          <a:prstGeom prst="rect">
            <a:avLst/>
          </a:prstGeom>
          <a:solidFill>
            <a:srgbClr val="03A65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a:extLst>
              <a:ext uri="{FF2B5EF4-FFF2-40B4-BE49-F238E27FC236}">
                <a16:creationId xmlns:a16="http://schemas.microsoft.com/office/drawing/2014/main" id="{F6FA955F-1847-3941-BEA3-F5BCD8623A57}"/>
              </a:ext>
            </a:extLst>
          </p:cNvPr>
          <p:cNvSpPr/>
          <p:nvPr/>
        </p:nvSpPr>
        <p:spPr>
          <a:xfrm>
            <a:off x="2444454" y="6242692"/>
            <a:ext cx="1080655" cy="1080655"/>
          </a:xfrm>
          <a:prstGeom prst="rect">
            <a:avLst/>
          </a:prstGeom>
          <a:solidFill>
            <a:srgbClr val="D3D93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Rectangle 34">
            <a:extLst>
              <a:ext uri="{FF2B5EF4-FFF2-40B4-BE49-F238E27FC236}">
                <a16:creationId xmlns:a16="http://schemas.microsoft.com/office/drawing/2014/main" id="{92BEA4A2-7B14-4F44-BD08-8DB86B720C67}"/>
              </a:ext>
            </a:extLst>
          </p:cNvPr>
          <p:cNvSpPr/>
          <p:nvPr/>
        </p:nvSpPr>
        <p:spPr>
          <a:xfrm>
            <a:off x="1234587" y="6252460"/>
            <a:ext cx="1080655" cy="1080655"/>
          </a:xfrm>
          <a:prstGeom prst="rect">
            <a:avLst/>
          </a:prstGeom>
          <a:solidFill>
            <a:srgbClr val="85BF4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TextBox 26">
            <a:extLst>
              <a:ext uri="{FF2B5EF4-FFF2-40B4-BE49-F238E27FC236}">
                <a16:creationId xmlns:a16="http://schemas.microsoft.com/office/drawing/2014/main" id="{00035612-A09B-4C48-ADAF-815FA42F26EC}"/>
              </a:ext>
            </a:extLst>
          </p:cNvPr>
          <p:cNvSpPr txBox="1"/>
          <p:nvPr/>
        </p:nvSpPr>
        <p:spPr>
          <a:xfrm>
            <a:off x="1169002" y="339431"/>
            <a:ext cx="9717388" cy="5909310"/>
          </a:xfrm>
          <a:prstGeom prst="rect">
            <a:avLst/>
          </a:prstGeom>
          <a:noFill/>
        </p:spPr>
        <p:txBody>
          <a:bodyPr wrap="square">
            <a:spAutoFit/>
          </a:bodyPr>
          <a:lstStyle/>
          <a:p>
            <a:pPr marR="0" lvl="0" algn="l" defTabSz="914400" rtl="0" eaLnBrk="1" fontAlgn="auto" latinLnBrk="0" hangingPunct="1">
              <a:lnSpc>
                <a:spcPct val="100000"/>
              </a:lnSpc>
              <a:spcBef>
                <a:spcPts val="0"/>
              </a:spcBef>
              <a:spcAft>
                <a:spcPts val="0"/>
              </a:spcAft>
              <a:buClrTx/>
              <a:buSzTx/>
              <a:tabLst/>
              <a:defRPr/>
            </a:pPr>
            <a:r>
              <a:rPr lang="en-ZA" sz="1800" b="1" i="1" dirty="0">
                <a:solidFill>
                  <a:srgbClr val="03A65A"/>
                </a:solidFill>
                <a:effectLst/>
                <a:latin typeface="Calibri" panose="020F0502020204030204" pitchFamily="34" charset="0"/>
                <a:ea typeface="Calibri" panose="020F0502020204030204" pitchFamily="34" charset="0"/>
              </a:rPr>
              <a:t>Issue 5: The inefficiency with which SARS handles disputes negatively affects the SMMEs, including those in business rescue.</a:t>
            </a:r>
            <a:r>
              <a:rPr lang="en-ZA" sz="1800" b="1" dirty="0">
                <a:solidFill>
                  <a:srgbClr val="03A65A"/>
                </a:solidFill>
                <a:effectLst/>
                <a:latin typeface="Calibri" panose="020F0502020204030204" pitchFamily="34" charset="0"/>
                <a:ea typeface="Calibri" panose="020F0502020204030204" pitchFamily="34" charset="0"/>
              </a:rPr>
              <a:t> </a:t>
            </a:r>
          </a:p>
          <a:p>
            <a:pPr marR="0" lvl="0" algn="l" defTabSz="914400" rtl="0" eaLnBrk="1" fontAlgn="auto" latinLnBrk="0" hangingPunct="1">
              <a:lnSpc>
                <a:spcPct val="100000"/>
              </a:lnSpc>
              <a:spcBef>
                <a:spcPts val="0"/>
              </a:spcBef>
              <a:spcAft>
                <a:spcPts val="0"/>
              </a:spcAft>
              <a:buClrTx/>
              <a:buSzTx/>
              <a:tabLst/>
              <a:defRPr/>
            </a:pPr>
            <a:endParaRPr lang="en-ZA" dirty="0">
              <a:latin typeface="Calibri" panose="020F0502020204030204" pitchFamily="34" charset="0"/>
              <a:ea typeface="Calibri" panose="020F0502020204030204" pitchFamily="34" charset="0"/>
            </a:endParaRPr>
          </a:p>
          <a:p>
            <a:pPr marL="285750" marR="0" lvl="0" indent="-285750" algn="just" defTabSz="914400" rtl="0" eaLnBrk="1" fontAlgn="auto" latinLnBrk="0" hangingPunct="1">
              <a:lnSpc>
                <a:spcPct val="150000"/>
              </a:lnSpc>
              <a:spcBef>
                <a:spcPts val="0"/>
              </a:spcBef>
              <a:spcAft>
                <a:spcPts val="0"/>
              </a:spcAft>
              <a:buClrTx/>
              <a:buSzTx/>
              <a:buFont typeface="Arial" panose="020B0604020202020204" pitchFamily="34" charset="0"/>
              <a:buChar char="•"/>
              <a:tabLst/>
              <a:defRPr/>
            </a:pPr>
            <a:r>
              <a:rPr lang="en-ZA" sz="1800" dirty="0">
                <a:effectLst/>
                <a:ea typeface="Calibri" panose="020F0502020204030204" pitchFamily="34" charset="0"/>
              </a:rPr>
              <a:t>SARS’s inefficiencies in attending to </a:t>
            </a:r>
            <a:r>
              <a:rPr lang="en-ZA" dirty="0">
                <a:ea typeface="Calibri" panose="020F0502020204030204" pitchFamily="34" charset="0"/>
              </a:rPr>
              <a:t>tax dispute resolution </a:t>
            </a:r>
            <a:r>
              <a:rPr lang="en-ZA" sz="1800" dirty="0">
                <a:effectLst/>
                <a:ea typeface="Calibri" panose="020F0502020204030204" pitchFamily="34" charset="0"/>
              </a:rPr>
              <a:t>affect all taxpayers not just </a:t>
            </a:r>
            <a:r>
              <a:rPr lang="en-ZA" sz="1800" dirty="0" smtClean="0">
                <a:effectLst/>
                <a:ea typeface="Calibri" panose="020F0502020204030204" pitchFamily="34" charset="0"/>
              </a:rPr>
              <a:t>SMMEs</a:t>
            </a:r>
            <a:r>
              <a:rPr lang="en-ZA" sz="1800" dirty="0">
                <a:effectLst/>
                <a:ea typeface="Calibri" panose="020F0502020204030204" pitchFamily="34" charset="0"/>
              </a:rPr>
              <a:t>, but based on the empirical data available it is clear that companies are affected more than other taxpayers. </a:t>
            </a:r>
          </a:p>
          <a:p>
            <a:pPr marL="285750" lvl="0" indent="-285750" algn="just">
              <a:lnSpc>
                <a:spcPct val="150000"/>
              </a:lnSpc>
              <a:buFont typeface="Arial" panose="020B0604020202020204" pitchFamily="34" charset="0"/>
              <a:buChar char="•"/>
              <a:defRPr/>
            </a:pPr>
            <a:r>
              <a:rPr lang="en-ZA" dirty="0" smtClean="0">
                <a:ea typeface="Calibri" panose="020F0502020204030204" pitchFamily="34" charset="0"/>
              </a:rPr>
              <a:t>This has already been raised repeatedly by the OTO and most notably in its report issued in 2020 after its systemic investigation.</a:t>
            </a:r>
            <a:endParaRPr lang="en-ZA" sz="1800" dirty="0" smtClean="0">
              <a:effectLst/>
              <a:ea typeface="Calibri" panose="020F0502020204030204" pitchFamily="34" charset="0"/>
            </a:endParaRPr>
          </a:p>
          <a:p>
            <a:pPr marR="0" lvl="0" algn="just" defTabSz="914400" rtl="0" eaLnBrk="1" fontAlgn="auto" latinLnBrk="0" hangingPunct="1">
              <a:lnSpc>
                <a:spcPct val="150000"/>
              </a:lnSpc>
              <a:spcBef>
                <a:spcPts val="0"/>
              </a:spcBef>
              <a:spcAft>
                <a:spcPts val="0"/>
              </a:spcAft>
              <a:buClrTx/>
              <a:buSzTx/>
              <a:tabLst/>
              <a:defRPr/>
            </a:pPr>
            <a:r>
              <a:rPr lang="en-ZA" sz="1800" b="1" dirty="0" smtClean="0">
                <a:effectLst/>
                <a:latin typeface="Calibri" panose="020F0502020204030204" pitchFamily="34" charset="0"/>
                <a:ea typeface="Calibri" panose="020F0502020204030204" pitchFamily="34" charset="0"/>
              </a:rPr>
              <a:t>Objections</a:t>
            </a:r>
          </a:p>
          <a:p>
            <a:pPr marL="285750" marR="0" lvl="0" indent="-285750" algn="just" defTabSz="914400" rtl="0" eaLnBrk="1" fontAlgn="auto" latinLnBrk="0" hangingPunct="1">
              <a:lnSpc>
                <a:spcPct val="150000"/>
              </a:lnSpc>
              <a:spcBef>
                <a:spcPts val="0"/>
              </a:spcBef>
              <a:spcAft>
                <a:spcPts val="0"/>
              </a:spcAft>
              <a:buClrTx/>
              <a:buSzTx/>
              <a:buFont typeface="Arial" panose="020B0604020202020204" pitchFamily="34" charset="0"/>
              <a:buChar char="•"/>
              <a:tabLst/>
              <a:defRPr/>
            </a:pPr>
            <a:r>
              <a:rPr lang="en-ZA" sz="1800" dirty="0" smtClean="0">
                <a:effectLst/>
                <a:ea typeface="Calibri" panose="020F0502020204030204" pitchFamily="34" charset="0"/>
              </a:rPr>
              <a:t>The </a:t>
            </a:r>
            <a:r>
              <a:rPr lang="en-ZA" sz="1800" dirty="0">
                <a:effectLst/>
                <a:ea typeface="Calibri" panose="020F0502020204030204" pitchFamily="34" charset="0"/>
              </a:rPr>
              <a:t>legally prescribed time for finalising objections is 60 business days after an objection is lodged</a:t>
            </a:r>
            <a:r>
              <a:rPr lang="en-ZA" dirty="0">
                <a:ea typeface="Calibri" panose="020F0502020204030204" pitchFamily="34" charset="0"/>
              </a:rPr>
              <a:t>, but for Company Income </a:t>
            </a:r>
            <a:r>
              <a:rPr lang="en-ZA" dirty="0" smtClean="0">
                <a:ea typeface="Calibri" panose="020F0502020204030204" pitchFamily="34" charset="0"/>
              </a:rPr>
              <a:t>Tax, </a:t>
            </a:r>
            <a:r>
              <a:rPr lang="en-ZA" dirty="0">
                <a:ea typeface="Calibri" panose="020F0502020204030204" pitchFamily="34" charset="0"/>
              </a:rPr>
              <a:t>SARS takes more than 120 business days on </a:t>
            </a:r>
            <a:r>
              <a:rPr lang="en-ZA" dirty="0" smtClean="0">
                <a:ea typeface="Calibri" panose="020F0502020204030204" pitchFamily="34" charset="0"/>
              </a:rPr>
              <a:t>average to finalise objections. </a:t>
            </a:r>
            <a:endParaRPr lang="en-ZA" dirty="0">
              <a:ea typeface="Calibri" panose="020F0502020204030204" pitchFamily="34" charset="0"/>
            </a:endParaRPr>
          </a:p>
          <a:p>
            <a:pPr marL="285750" marR="0" lvl="0" indent="-285750" algn="just" defTabSz="914400" rtl="0" eaLnBrk="1" fontAlgn="auto" latinLnBrk="0" hangingPunct="1">
              <a:lnSpc>
                <a:spcPct val="150000"/>
              </a:lnSpc>
              <a:spcBef>
                <a:spcPts val="0"/>
              </a:spcBef>
              <a:spcAft>
                <a:spcPts val="0"/>
              </a:spcAft>
              <a:buClrTx/>
              <a:buSzTx/>
              <a:buFont typeface="Arial" panose="020B0604020202020204" pitchFamily="34" charset="0"/>
              <a:buChar char="•"/>
              <a:tabLst/>
              <a:defRPr/>
            </a:pPr>
            <a:r>
              <a:rPr lang="en-ZA" sz="1800" dirty="0">
                <a:effectLst/>
                <a:ea typeface="Calibri" panose="020F0502020204030204" pitchFamily="34" charset="0"/>
              </a:rPr>
              <a:t>Between February </a:t>
            </a:r>
            <a:r>
              <a:rPr lang="en-ZA" dirty="0">
                <a:ea typeface="Calibri" panose="020F0502020204030204" pitchFamily="34" charset="0"/>
              </a:rPr>
              <a:t>and March 2022 there was an increase from less than 40 business days to more than 100 business days in the time it takes SARS to finalise VAT </a:t>
            </a:r>
            <a:r>
              <a:rPr lang="en-ZA" dirty="0" smtClean="0">
                <a:ea typeface="Calibri" panose="020F0502020204030204" pitchFamily="34" charset="0"/>
              </a:rPr>
              <a:t>objections; this is a cause for  </a:t>
            </a:r>
            <a:r>
              <a:rPr lang="en-ZA" dirty="0">
                <a:ea typeface="Calibri" panose="020F0502020204030204" pitchFamily="34" charset="0"/>
              </a:rPr>
              <a:t>concern</a:t>
            </a:r>
            <a:r>
              <a:rPr lang="en-ZA" dirty="0" smtClean="0">
                <a:ea typeface="Calibri" panose="020F0502020204030204" pitchFamily="34" charset="0"/>
              </a:rPr>
              <a:t>.</a:t>
            </a:r>
            <a:endParaRPr lang="en-ZA" sz="1800" dirty="0">
              <a:effectLst/>
              <a:ea typeface="Calibri" panose="020F0502020204030204" pitchFamily="34" charset="0"/>
            </a:endParaRPr>
          </a:p>
        </p:txBody>
      </p:sp>
      <p:sp>
        <p:nvSpPr>
          <p:cNvPr id="2" name="Slide Number Placeholder 1"/>
          <p:cNvSpPr>
            <a:spLocks noGrp="1"/>
          </p:cNvSpPr>
          <p:nvPr>
            <p:ph type="sldNum" sz="quarter" idx="12"/>
          </p:nvPr>
        </p:nvSpPr>
        <p:spPr/>
        <p:txBody>
          <a:bodyPr/>
          <a:lstStyle/>
          <a:p>
            <a:fld id="{BCCA197E-0889-4A4B-9EF4-38D9D114EE3E}" type="slidenum">
              <a:rPr lang="en-US" smtClean="0"/>
              <a:t>9</a:t>
            </a:fld>
            <a:endParaRPr lang="en-US"/>
          </a:p>
        </p:txBody>
      </p:sp>
    </p:spTree>
    <p:extLst>
      <p:ext uri="{BB962C8B-B14F-4D97-AF65-F5344CB8AC3E}">
        <p14:creationId xmlns:p14="http://schemas.microsoft.com/office/powerpoint/2010/main" val="4177336940"/>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txDef>
      <a:spPr>
        <a:solidFill>
          <a:srgbClr val="03A65A"/>
        </a:solidFill>
      </a:spPr>
      <a:bodyPr wrap="square">
        <a:spAutoFit/>
      </a:bodyPr>
      <a:lstStyle>
        <a:defPPr algn="l">
          <a:lnSpc>
            <a:spcPct val="100000"/>
          </a:lnSpc>
          <a:spcBef>
            <a:spcPts val="600"/>
          </a:spcBef>
          <a:spcAft>
            <a:spcPts val="600"/>
          </a:spcAft>
          <a:defRPr sz="2400" dirty="0">
            <a:solidFill>
              <a:schemeClr val="bg1">
                <a:lumMod val="95000"/>
              </a:schemeClr>
            </a:solidFill>
            <a:latin typeface="Arial" panose="020B0604020202020204" pitchFamily="34" charset="0"/>
            <a:cs typeface="Arial" panose="020B0604020202020204" pitchFamily="34" charset="0"/>
          </a:defRPr>
        </a:defPPr>
      </a:lstStyle>
    </a:tx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2_Office Theme">
  <a:themeElements>
    <a:clrScheme name="Custom 2">
      <a:dk1>
        <a:srgbClr val="1D1D1D"/>
      </a:dk1>
      <a:lt1>
        <a:sysClr val="window" lastClr="FFFFFF"/>
      </a:lt1>
      <a:dk2>
        <a:srgbClr val="111111"/>
      </a:dk2>
      <a:lt2>
        <a:srgbClr val="F8F8F8"/>
      </a:lt2>
      <a:accent1>
        <a:srgbClr val="009B62"/>
      </a:accent1>
      <a:accent2>
        <a:srgbClr val="6EBF58"/>
      </a:accent2>
      <a:accent3>
        <a:srgbClr val="3C3966"/>
      </a:accent3>
      <a:accent4>
        <a:srgbClr val="999999"/>
      </a:accent4>
      <a:accent5>
        <a:srgbClr val="B5FF1C"/>
      </a:accent5>
      <a:accent6>
        <a:srgbClr val="B5FF1C"/>
      </a:accent6>
      <a:hlink>
        <a:srgbClr val="3C3966"/>
      </a:hlink>
      <a:folHlink>
        <a:srgbClr val="3C3966"/>
      </a:folHlink>
    </a:clrScheme>
    <a:fontScheme name="OTO">
      <a:majorFont>
        <a:latin typeface="Rockwell"/>
        <a:ea typeface=""/>
        <a:cs typeface=""/>
      </a:majorFont>
      <a:minorFont>
        <a:latin typeface="Metropolis Extra Light"/>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accent1"/>
        </a:solidFill>
        <a:ln>
          <a:noFill/>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lIns="0" tIns="0" bIns="0" rtlCol="0" anchor="t">
        <a:spAutoFit/>
      </a:bodyPr>
      <a:lstStyle>
        <a:defPPr algn="l">
          <a:lnSpc>
            <a:spcPct val="150000"/>
          </a:lnSpc>
          <a:defRPr dirty="0"/>
        </a:defPPr>
      </a:lstStyle>
    </a:tx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FE400C40752F364A8227928CE754B97A" ma:contentTypeVersion="9" ma:contentTypeDescription="Create a new document." ma:contentTypeScope="" ma:versionID="a6a2e5c2ab9bfad0a7ddc4a99c422cf7">
  <xsd:schema xmlns:xsd="http://www.w3.org/2001/XMLSchema" xmlns:xs="http://www.w3.org/2001/XMLSchema" xmlns:p="http://schemas.microsoft.com/office/2006/metadata/properties" xmlns:ns2="0244f8bd-7e21-4827-9e8c-89ba2998cd6c" xmlns:ns3="ccc1a52e-fcc2-4161-b1fe-8869420bfb83" targetNamespace="http://schemas.microsoft.com/office/2006/metadata/properties" ma:root="true" ma:fieldsID="b04fec5e9a9f677299d625700d6cc9d4" ns2:_="" ns3:_="">
    <xsd:import namespace="0244f8bd-7e21-4827-9e8c-89ba2998cd6c"/>
    <xsd:import namespace="ccc1a52e-fcc2-4161-b1fe-8869420bfb83"/>
    <xsd:element name="properties">
      <xsd:complexType>
        <xsd:sequence>
          <xsd:element name="documentManagement">
            <xsd:complexType>
              <xsd:all>
                <xsd:element ref="ns2:SharedWithUsers" minOccurs="0"/>
                <xsd:element ref="ns2:SharedWithDetails" minOccurs="0"/>
                <xsd:element ref="ns3:MediaServiceMetadata" minOccurs="0"/>
                <xsd:element ref="ns3:MediaServiceFastMetadata" minOccurs="0"/>
                <xsd:element ref="ns3:MediaServiceAutoTags" minOccurs="0"/>
                <xsd:element ref="ns3:MediaServiceGenerationTime" minOccurs="0"/>
                <xsd:element ref="ns3:MediaServiceEventHashCode" minOccurs="0"/>
                <xsd:element ref="ns3:MediaServiceDateTaken" minOccurs="0"/>
                <xsd:element ref="ns3:MediaServiceOCR"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244f8bd-7e21-4827-9e8c-89ba2998cd6c"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ccc1a52e-fcc2-4161-b1fe-8869420bfb83"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AutoTags" ma:index="12" nillable="true" ma:displayName="Tags" ma:internalName="MediaServiceAutoTags"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EventHashCode" ma:index="14" nillable="true" ma:displayName="MediaServiceEventHashCode" ma:hidden="true" ma:internalName="MediaServiceEventHashCode" ma:readOnly="true">
      <xsd:simpleType>
        <xsd:restriction base="dms:Text"/>
      </xsd:simpleType>
    </xsd:element>
    <xsd:element name="MediaServiceDateTaken" ma:index="15" nillable="true" ma:displayName="MediaServiceDateTaken" ma:hidden="true" ma:internalName="MediaServiceDateTaken"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SharedWithUsers xmlns="0244f8bd-7e21-4827-9e8c-89ba2998cd6c">
      <UserInfo>
        <DisplayName>Jack Malatji -Ombud Office</DisplayName>
        <AccountId>14</AccountId>
        <AccountType/>
      </UserInfo>
    </SharedWithUser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31B1ABF-6CAE-4207-8689-560F765F9DF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244f8bd-7e21-4827-9e8c-89ba2998cd6c"/>
    <ds:schemaRef ds:uri="ccc1a52e-fcc2-4161-b1fe-8869420bfb83"/>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CB748467-C6BC-4199-9AF1-2B200771EF2B}">
  <ds:schemaRefs>
    <ds:schemaRef ds:uri="http://purl.org/dc/terms/"/>
    <ds:schemaRef ds:uri="ccc1a52e-fcc2-4161-b1fe-8869420bfb83"/>
    <ds:schemaRef ds:uri="http://schemas.openxmlformats.org/package/2006/metadata/core-properties"/>
    <ds:schemaRef ds:uri="http://purl.org/dc/elements/1.1/"/>
    <ds:schemaRef ds:uri="http://schemas.microsoft.com/office/2006/documentManagement/types"/>
    <ds:schemaRef ds:uri="http://www.w3.org/XML/1998/namespace"/>
    <ds:schemaRef ds:uri="0244f8bd-7e21-4827-9e8c-89ba2998cd6c"/>
    <ds:schemaRef ds:uri="http://schemas.microsoft.com/office/infopath/2007/PartnerControls"/>
    <ds:schemaRef ds:uri="http://schemas.microsoft.com/office/2006/metadata/properties"/>
    <ds:schemaRef ds:uri="http://purl.org/dc/dcmitype/"/>
  </ds:schemaRefs>
</ds:datastoreItem>
</file>

<file path=customXml/itemProps3.xml><?xml version="1.0" encoding="utf-8"?>
<ds:datastoreItem xmlns:ds="http://schemas.openxmlformats.org/officeDocument/2006/customXml" ds:itemID="{E1017346-855B-41F4-9370-E3866C61680A}">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1662</TotalTime>
  <Words>1280</Words>
  <Application>Microsoft Office PowerPoint</Application>
  <PresentationFormat>Widescreen</PresentationFormat>
  <Paragraphs>113</Paragraphs>
  <Slides>13</Slides>
  <Notes>1</Notes>
  <HiddenSlides>0</HiddenSlides>
  <MMClips>0</MMClips>
  <ScaleCrop>false</ScaleCrop>
  <HeadingPairs>
    <vt:vector size="6" baseType="variant">
      <vt:variant>
        <vt:lpstr>Fonts Used</vt:lpstr>
      </vt:variant>
      <vt:variant>
        <vt:i4>9</vt:i4>
      </vt:variant>
      <vt:variant>
        <vt:lpstr>Theme</vt:lpstr>
      </vt:variant>
      <vt:variant>
        <vt:i4>2</vt:i4>
      </vt:variant>
      <vt:variant>
        <vt:lpstr>Slide Titles</vt:lpstr>
      </vt:variant>
      <vt:variant>
        <vt:i4>13</vt:i4>
      </vt:variant>
    </vt:vector>
  </HeadingPairs>
  <TitlesOfParts>
    <vt:vector size="24" baseType="lpstr">
      <vt:lpstr>Arial</vt:lpstr>
      <vt:lpstr>Calibri</vt:lpstr>
      <vt:lpstr>Calibri Light</vt:lpstr>
      <vt:lpstr>Lucida Sans</vt:lpstr>
      <vt:lpstr>Metropolis Extra Light</vt:lpstr>
      <vt:lpstr>Rockwell</vt:lpstr>
      <vt:lpstr>Segoe UI</vt:lpstr>
      <vt:lpstr>Segoe UI Light</vt:lpstr>
      <vt:lpstr>Segoe UI Semibold</vt:lpstr>
      <vt:lpstr>Office Theme</vt:lpstr>
      <vt:lpstr>2_Office Them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Barry Hiles -Ombud Office</dc:creator>
  <cp:lastModifiedBy>Mmamelao Malakalaka -Ombud Office</cp:lastModifiedBy>
  <cp:revision>35</cp:revision>
  <dcterms:created xsi:type="dcterms:W3CDTF">2022-04-06T13:22:21Z</dcterms:created>
  <dcterms:modified xsi:type="dcterms:W3CDTF">2022-06-03T18:56:4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E400C40752F364A8227928CE754B97A</vt:lpwstr>
  </property>
</Properties>
</file>